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3.xml" ContentType="application/vnd.openxmlformats-officedocument.presentationml.notesSlide+xml"/>
  <Override PartName="/ppt/charts/chart2.xml" ContentType="application/vnd.openxmlformats-officedocument.drawingml.chart+xml"/>
  <Override PartName="/ppt/notesSlides/notesSlide4.xml" ContentType="application/vnd.openxmlformats-officedocument.presentationml.notesSlide+xml"/>
  <Override PartName="/ppt/charts/chart3.xml" ContentType="application/vnd.openxmlformats-officedocument.drawingml.char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304" r:id="rId2"/>
    <p:sldId id="320" r:id="rId3"/>
    <p:sldId id="317" r:id="rId4"/>
    <p:sldId id="581" r:id="rId5"/>
    <p:sldId id="582" r:id="rId6"/>
    <p:sldId id="587" r:id="rId7"/>
    <p:sldId id="584" r:id="rId8"/>
    <p:sldId id="586" r:id="rId9"/>
    <p:sldId id="583" r:id="rId10"/>
    <p:sldId id="585" r:id="rId11"/>
    <p:sldId id="588" r:id="rId12"/>
    <p:sldId id="404" r:id="rId13"/>
    <p:sldId id="580" r:id="rId14"/>
    <p:sldId id="389" r:id="rId1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BFBE"/>
    <a:srgbClr val="4046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2D5ABB26-0587-4C30-8999-92F81FD0307C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Tema til typografi 1 - Markering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69C7853C-536D-4A76-A0AE-DD22124D55A5}" styleName="Tema til typografi 1 - Markering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606" autoAdjust="0"/>
    <p:restoredTop sz="86518" autoAdjust="0"/>
  </p:normalViewPr>
  <p:slideViewPr>
    <p:cSldViewPr showGuides="1">
      <p:cViewPr>
        <p:scale>
          <a:sx n="98" d="100"/>
          <a:sy n="98" d="100"/>
        </p:scale>
        <p:origin x="-280" y="-320"/>
      </p:cViewPr>
      <p:guideLst/>
    </p:cSldViewPr>
  </p:slideViewPr>
  <p:outlineViewPr>
    <p:cViewPr>
      <p:scale>
        <a:sx n="33" d="100"/>
        <a:sy n="33" d="100"/>
      </p:scale>
      <p:origin x="0" y="-760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74" d="100"/>
        <a:sy n="174" d="100"/>
      </p:scale>
      <p:origin x="0" y="0"/>
    </p:cViewPr>
  </p:sorterViewPr>
  <p:notesViewPr>
    <p:cSldViewPr>
      <p:cViewPr varScale="1">
        <p:scale>
          <a:sx n="97" d="100"/>
          <a:sy n="97" d="100"/>
        </p:scale>
        <p:origin x="3688" y="2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-regneark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oleObject" Target="file:////file01\medarbejdere$\nahv\Kvalitetsarbejde_Studieaktivitetsmodellen_og_E-l&#230;ring.xlsx" TargetMode="Externa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file:////file01\medarbejdere$\nahv\Kvalitetsarbejde_Studieaktivitetsmodellen_og_E-l&#230;ring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Kolonne2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CEEB-4436-8729-170A1231E544}"/>
              </c:ext>
            </c:extLst>
          </c:dPt>
          <c:dPt>
            <c:idx val="1"/>
            <c:bubble3D val="0"/>
            <c:spPr>
              <a:solidFill>
                <a:schemeClr val="accent3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CEEB-4436-8729-170A1231E544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CEEB-4436-8729-170A1231E544}"/>
              </c:ext>
            </c:extLst>
          </c:dPt>
          <c:dPt>
            <c:idx val="3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CEEB-4436-8729-170A1231E544}"/>
              </c:ext>
            </c:extLst>
          </c:dPt>
          <c:dPt>
            <c:idx val="4"/>
            <c:bubble3D val="0"/>
            <c:spPr>
              <a:solidFill>
                <a:schemeClr val="accent3">
                  <a:lumMod val="6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9-CEEB-4436-8729-170A1231E544}"/>
              </c:ext>
            </c:extLst>
          </c:dPt>
          <c:dPt>
            <c:idx val="5"/>
            <c:bubble3D val="0"/>
            <c:spPr>
              <a:solidFill>
                <a:schemeClr val="accent5">
                  <a:lumMod val="6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B-CEEB-4436-8729-170A1231E544}"/>
              </c:ext>
            </c:extLst>
          </c:dPt>
          <c:dPt>
            <c:idx val="6"/>
            <c:bubble3D val="0"/>
            <c:spPr>
              <a:solidFill>
                <a:schemeClr val="accent1">
                  <a:lumMod val="80000"/>
                  <a:lumOff val="2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D-CEEB-4436-8729-170A1231E544}"/>
              </c:ext>
            </c:extLst>
          </c:dPt>
          <c:dPt>
            <c:idx val="7"/>
            <c:bubble3D val="0"/>
            <c:spPr>
              <a:solidFill>
                <a:schemeClr val="accent3">
                  <a:lumMod val="80000"/>
                  <a:lumOff val="2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F-CEEB-4436-8729-170A1231E544}"/>
              </c:ext>
            </c:extLst>
          </c:dPt>
          <c:dPt>
            <c:idx val="8"/>
            <c:bubble3D val="0"/>
            <c:spPr>
              <a:solidFill>
                <a:schemeClr val="accent5">
                  <a:lumMod val="80000"/>
                  <a:lumOff val="2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1-CEEB-4436-8729-170A1231E544}"/>
              </c:ext>
            </c:extLst>
          </c:dPt>
          <c:dPt>
            <c:idx val="9"/>
            <c:bubble3D val="0"/>
            <c:spPr>
              <a:solidFill>
                <a:schemeClr val="accent1">
                  <a:lumMod val="8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3-CEEB-4436-8729-170A1231E544}"/>
              </c:ext>
            </c:extLst>
          </c:dPt>
          <c:dPt>
            <c:idx val="10"/>
            <c:bubble3D val="0"/>
            <c:spPr>
              <a:solidFill>
                <a:schemeClr val="accent3">
                  <a:lumMod val="80000"/>
                </a:schemeClr>
              </a:solidFill>
              <a:ln>
                <a:noFill/>
              </a:ln>
              <a:effectLst>
                <a:outerShdw blurRad="317500" algn="ctr" rotWithShape="0">
                  <a:prstClr val="black">
                    <a:alpha val="25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5-27F2-4C0F-AD3B-A50720E6213F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dk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Ark1'!$A$2:$A$12</c:f>
              <c:strCache>
                <c:ptCount val="11"/>
                <c:pt idx="0">
                  <c:v>Administrationsbachelor</c:v>
                </c:pt>
                <c:pt idx="1">
                  <c:v>Bioanalytiker</c:v>
                </c:pt>
                <c:pt idx="2">
                  <c:v>Diplomingeniør i bioteknologi</c:v>
                </c:pt>
                <c:pt idx="3">
                  <c:v>Ergoterapeut</c:v>
                </c:pt>
                <c:pt idx="4">
                  <c:v>Ernæring og sundhed</c:v>
                </c:pt>
                <c:pt idx="5">
                  <c:v>Fysioterapeut</c:v>
                </c:pt>
                <c:pt idx="6">
                  <c:v>Leisure management</c:v>
                </c:pt>
                <c:pt idx="7">
                  <c:v>Lærer</c:v>
                </c:pt>
                <c:pt idx="8">
                  <c:v>Pædagog</c:v>
                </c:pt>
                <c:pt idx="9">
                  <c:v>Socialrådgiver</c:v>
                </c:pt>
                <c:pt idx="10">
                  <c:v>Sygeplejerske</c:v>
                </c:pt>
              </c:strCache>
            </c:strRef>
          </c:cat>
          <c:val>
            <c:numRef>
              <c:f>'Ark1'!$B$2:$B$12</c:f>
              <c:numCache>
                <c:formatCode>#,##0</c:formatCode>
                <c:ptCount val="11"/>
                <c:pt idx="0" formatCode="General">
                  <c:v>354</c:v>
                </c:pt>
                <c:pt idx="1">
                  <c:v>205</c:v>
                </c:pt>
                <c:pt idx="2">
                  <c:v>64</c:v>
                </c:pt>
                <c:pt idx="3">
                  <c:v>223</c:v>
                </c:pt>
                <c:pt idx="4">
                  <c:v>465</c:v>
                </c:pt>
                <c:pt idx="5">
                  <c:v>470</c:v>
                </c:pt>
                <c:pt idx="6">
                  <c:v>542</c:v>
                </c:pt>
                <c:pt idx="7">
                  <c:v>1274</c:v>
                </c:pt>
                <c:pt idx="8">
                  <c:v>2377</c:v>
                </c:pt>
                <c:pt idx="9">
                  <c:v>944</c:v>
                </c:pt>
                <c:pt idx="10">
                  <c:v>15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5E39-4A9D-A968-3B27129DE335}"/>
            </c:ext>
          </c:extLst>
        </c:ser>
        <c:dLbls>
          <c:dLblPos val="bestFit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69947385230163184"/>
          <c:y val="0.15404780060929593"/>
          <c:w val="0.23635176741621855"/>
          <c:h val="0.57146434378791078"/>
        </c:manualLayout>
      </c:layout>
      <c:overlay val="0"/>
      <c:spPr>
        <a:solidFill>
          <a:schemeClr val="lt1">
            <a:alpha val="78000"/>
          </a:schemeClr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pattFill prst="dkDnDiag">
      <a:fgClr>
        <a:schemeClr val="lt1">
          <a:lumMod val="95000"/>
        </a:schemeClr>
      </a:fgClr>
      <a:bgClr>
        <a:schemeClr val="lt1"/>
      </a:bgClr>
    </a:pattFill>
    <a:ln w="9525" cap="flat" cmpd="sng" algn="ctr">
      <a:solidFill>
        <a:schemeClr val="dk1">
          <a:lumMod val="15000"/>
          <a:lumOff val="85000"/>
        </a:schemeClr>
      </a:solidFill>
      <a:round/>
    </a:ln>
    <a:effectLst/>
  </c:spPr>
  <c:txPr>
    <a:bodyPr/>
    <a:lstStyle/>
    <a:p>
      <a:pPr>
        <a:defRPr baseline="0">
          <a:solidFill>
            <a:schemeClr val="tx1"/>
          </a:solidFill>
        </a:defRPr>
      </a:pPr>
      <a:endParaRPr lang="da-DK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9460276893572739"/>
          <c:y val="0.21279550663283586"/>
          <c:w val="0.51889308974962545"/>
          <c:h val="0.69803919098471057"/>
        </c:manualLayout>
      </c:layout>
      <c:pieChart>
        <c:varyColors val="1"/>
        <c:ser>
          <c:idx val="0"/>
          <c:order val="0"/>
          <c:dLbls>
            <c:dLbl>
              <c:idx val="0"/>
              <c:layout>
                <c:manualLayout>
                  <c:x val="7.5598466577049567E-3"/>
                  <c:y val="3.9828700493280127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8D5-B248-9EA8-E9156D7D8842}"/>
                </c:ext>
              </c:extLst>
            </c:dLbl>
            <c:dLbl>
              <c:idx val="2"/>
              <c:layout>
                <c:manualLayout>
                  <c:x val="-0.15290825655009349"/>
                  <c:y val="-6.5933245797727857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8D5-B248-9EA8-E9156D7D8842}"/>
                </c:ext>
              </c:extLst>
            </c:dLbl>
            <c:dLbl>
              <c:idx val="4"/>
              <c:layout>
                <c:manualLayout>
                  <c:x val="-3.7841799992678546E-2"/>
                  <c:y val="4.8482433039365638E-3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B8D5-B248-9EA8-E9156D7D8842}"/>
                </c:ext>
              </c:extLst>
            </c:dLbl>
            <c:dLbl>
              <c:idx val="5"/>
              <c:layout>
                <c:manualLayout>
                  <c:x val="7.4029812584477175E-2"/>
                  <c:y val="-4.8480524282159361E-3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0553571474178604"/>
                      <c:h val="0.1697003499324586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4-B8D5-B248-9EA8-E9156D7D884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400"/>
                </a:pPr>
                <a:endParaRPr lang="da-DK"/>
              </a:p>
            </c:txPr>
            <c:dLblPos val="outEnd"/>
            <c:showLegendKey val="0"/>
            <c:showVal val="0"/>
            <c:showCatName val="1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cat>
            <c:strRef>
              <c:f>'Ark2'!$C$21:$C$26</c:f>
              <c:strCache>
                <c:ptCount val="6"/>
                <c:pt idx="0">
                  <c:v>Fleksibilitet i tid og rum </c:v>
                </c:pt>
                <c:pt idx="1">
                  <c:v>Variation i studieaktiviteter </c:v>
                </c:pt>
                <c:pt idx="2">
                  <c:v>Giver/tvinger underviserne til didaktiske overvejelser </c:v>
                </c:pt>
                <c:pt idx="3">
                  <c:v>Udvikling af den studerendes kompetencer </c:v>
                </c:pt>
                <c:pt idx="4">
                  <c:v>Passer til en ny type studerende </c:v>
                </c:pt>
                <c:pt idx="5">
                  <c:v>Sammenhæng til studieaktivitetsmodellen </c:v>
                </c:pt>
              </c:strCache>
            </c:strRef>
          </c:cat>
          <c:val>
            <c:numRef>
              <c:f>'Ark2'!$D$21:$D$26</c:f>
              <c:numCache>
                <c:formatCode>General</c:formatCode>
                <c:ptCount val="6"/>
                <c:pt idx="0">
                  <c:v>8</c:v>
                </c:pt>
                <c:pt idx="1">
                  <c:v>3</c:v>
                </c:pt>
                <c:pt idx="2">
                  <c:v>10</c:v>
                </c:pt>
                <c:pt idx="3">
                  <c:v>5</c:v>
                </c:pt>
                <c:pt idx="4">
                  <c:v>2</c:v>
                </c:pt>
                <c:pt idx="5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8D5-B248-9EA8-E9156D7D8842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0"/>
        </c:dLbls>
        <c:firstSliceAng val="0"/>
      </c:pieChart>
    </c:plotArea>
    <c:plotVisOnly val="1"/>
    <c:dispBlanksAs val="gap"/>
    <c:showDLblsOverMax val="0"/>
  </c:chart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9856120543813266"/>
          <c:y val="0.18009515146465205"/>
          <c:w val="0.53627776068719912"/>
          <c:h val="0.69937580237998254"/>
        </c:manualLayout>
      </c:layout>
      <c:pieChart>
        <c:varyColors val="1"/>
        <c:ser>
          <c:idx val="0"/>
          <c:order val="0"/>
          <c:dLbls>
            <c:dLbl>
              <c:idx val="0"/>
              <c:layout>
                <c:manualLayout>
                  <c:x val="4.4564813528916447E-2"/>
                  <c:y val="9.063421965460626E-2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1CE1-3A49-8BAC-22CF8C555749}"/>
                </c:ext>
              </c:extLst>
            </c:dLbl>
            <c:dLbl>
              <c:idx val="2"/>
              <c:layout>
                <c:manualLayout>
                  <c:x val="-5.1196360099349032E-2"/>
                  <c:y val="-9.7982940167141916E-3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6579650561655661"/>
                      <c:h val="0.1355593977212408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1CE1-3A49-8BAC-22CF8C555749}"/>
                </c:ext>
              </c:extLst>
            </c:dLbl>
            <c:dLbl>
              <c:idx val="7"/>
              <c:layout>
                <c:manualLayout>
                  <c:x val="5.6563032555932417E-2"/>
                  <c:y val="-2.4495735041785479E-3"/>
                </c:manualLayout>
              </c:layout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1CE1-3A49-8BAC-22CF8C555749}"/>
                </c:ext>
              </c:extLst>
            </c:dLbl>
            <c:spPr>
              <a:noFill/>
              <a:ln>
                <a:noFill/>
              </a:ln>
              <a:effectLst/>
            </c:spPr>
            <c:dLblPos val="outEnd"/>
            <c:showLegendKey val="0"/>
            <c:showVal val="0"/>
            <c:showCatName val="1"/>
            <c:showSerName val="0"/>
            <c:showPercent val="1"/>
            <c:showBubbleSize val="0"/>
            <c:showLeaderLines val="0"/>
            <c:extLst>
              <c:ext xmlns:c15="http://schemas.microsoft.com/office/drawing/2012/chart" uri="{CE6537A1-D6FC-4f65-9D91-7224C49458BB}"/>
            </c:extLst>
          </c:dLbls>
          <c:cat>
            <c:strRef>
              <c:f>'Ark2'!$C$29:$C$36</c:f>
              <c:strCache>
                <c:ptCount val="8"/>
                <c:pt idx="0">
                  <c:v>Undervisernes kompetencer – didaktiske og tekniske </c:v>
                </c:pt>
                <c:pt idx="1">
                  <c:v>Studiemiljø </c:v>
                </c:pt>
                <c:pt idx="2">
                  <c:v>Udvikling af pædagogik og didaktik</c:v>
                </c:pt>
                <c:pt idx="3">
                  <c:v>Noget kan ikke e-læres </c:v>
                </c:pt>
                <c:pt idx="4">
                  <c:v>Særlige studiekompetencer hos de studerende </c:v>
                </c:pt>
                <c:pt idx="5">
                  <c:v>En særlig slags studerende </c:v>
                </c:pt>
                <c:pt idx="6">
                  <c:v>Manglende hard- og software – en barriere </c:v>
                </c:pt>
                <c:pt idx="7">
                  <c:v>Forankring i praksis </c:v>
                </c:pt>
              </c:strCache>
            </c:strRef>
          </c:cat>
          <c:val>
            <c:numRef>
              <c:f>'Ark2'!$D$29:$D$36</c:f>
              <c:numCache>
                <c:formatCode>General</c:formatCode>
                <c:ptCount val="8"/>
                <c:pt idx="0">
                  <c:v>6</c:v>
                </c:pt>
                <c:pt idx="1">
                  <c:v>2</c:v>
                </c:pt>
                <c:pt idx="2">
                  <c:v>5</c:v>
                </c:pt>
                <c:pt idx="3">
                  <c:v>2</c:v>
                </c:pt>
                <c:pt idx="4">
                  <c:v>2</c:v>
                </c:pt>
                <c:pt idx="5">
                  <c:v>2</c:v>
                </c:pt>
                <c:pt idx="6">
                  <c:v>1</c:v>
                </c:pt>
                <c:pt idx="7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CE1-3A49-8BAC-22CF8C555749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0"/>
        </c:dLbls>
        <c:firstSliceAng val="0"/>
      </c:pieChart>
    </c:plotArea>
    <c:plotVisOnly val="1"/>
    <c:dispBlanksAs val="gap"/>
    <c:showDLblsOverMax val="0"/>
  </c:chart>
  <c:txPr>
    <a:bodyPr/>
    <a:lstStyle/>
    <a:p>
      <a:pPr>
        <a:defRPr sz="1400"/>
      </a:pPr>
      <a:endParaRPr lang="da-DK"/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61">
  <cs:axisTitle>
    <cs:lnRef idx="0"/>
    <cs:fillRef idx="0"/>
    <cs:effectRef idx="0"/>
    <cs:fontRef idx="minor">
      <a:schemeClr val="dk1">
        <a:lumMod val="65000"/>
        <a:lumOff val="35000"/>
      </a:schemeClr>
    </cs:fontRef>
    <cs:defRPr sz="1197" kern="1200"/>
  </cs:axisTitle>
  <cs:categoryAxis>
    <cs:lnRef idx="0"/>
    <cs:fillRef idx="0"/>
    <cs:effectRef idx="0"/>
    <cs:fontRef idx="minor">
      <a:schemeClr val="dk1">
        <a:lumMod val="65000"/>
        <a:lumOff val="35000"/>
      </a:schemeClr>
    </cs:fontRef>
    <cs:defRPr sz="1197" kern="1200"/>
  </cs:categoryAxis>
  <cs:chartArea>
    <cs:lnRef idx="0"/>
    <cs:fillRef idx="0"/>
    <cs:effectRef idx="0"/>
    <cs:fontRef idx="minor">
      <a:schemeClr val="dk1"/>
    </cs:fontRef>
    <cs:spPr>
      <a:pattFill prst="dkDnDiag">
        <a:fgClr>
          <a:schemeClr val="lt1">
            <a:lumMod val="95000"/>
          </a:schemeClr>
        </a:fgClr>
        <a:bgClr>
          <a:schemeClr val="lt1"/>
        </a:bgClr>
      </a:patt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/>
    </cs:fontRef>
    <cs:defRPr sz="1197" b="1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>
          <a:alpha val="75000"/>
        </a:schemeClr>
      </a:solidFill>
      <a:ln w="9525"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317500" algn="ctr" rotWithShape="0">
          <a:prstClr val="black">
            <a:alpha val="25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20000"/>
          </a:prstClr>
        </a:outerShdw>
      </a:effectLst>
      <a:scene3d>
        <a:camera prst="orthographicFront"/>
        <a:lightRig rig="threePt" dir="t"/>
      </a:scene3d>
      <a:sp3d prstMaterial="matte"/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65000"/>
        <a:lumOff val="35000"/>
      </a:schemeClr>
    </cs:fontRef>
    <cs:spPr>
      <a:noFill/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>
          <a:alpha val="78000"/>
        </a:schemeClr>
      </a:solidFill>
    </cs:spPr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dk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 cap="flat" cmpd="sng" algn="ctr">
        <a:solidFill>
          <a:schemeClr val="dk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dk1">
        <a:lumMod val="65000"/>
        <a:lumOff val="35000"/>
      </a:schemeClr>
    </cs:fontRef>
    <cs:defRPr sz="2200" b="1" kern="120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dk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dk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dk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3_2">
  <dgm:title val=""/>
  <dgm:desc val=""/>
  <dgm:catLst>
    <dgm:cat type="accent3" pri="112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ln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8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08917A6-2A57-3D46-B0CE-7270B120D165}" type="doc">
      <dgm:prSet loTypeId="urn:microsoft.com/office/officeart/2005/8/layout/radial4" loCatId="" qsTypeId="urn:microsoft.com/office/officeart/2005/8/quickstyle/simple1" qsCatId="simple" csTypeId="urn:microsoft.com/office/officeart/2005/8/colors/accent3_2" csCatId="accent3" phldr="1"/>
      <dgm:spPr/>
      <dgm:t>
        <a:bodyPr/>
        <a:lstStyle/>
        <a:p>
          <a:endParaRPr lang="da-DK"/>
        </a:p>
      </dgm:t>
    </dgm:pt>
    <dgm:pt modelId="{54DBD12B-196E-FB4A-90C5-CD457BD6BBF6}">
      <dgm:prSet phldrT="[Tekst]"/>
      <dgm:spPr/>
      <dgm:t>
        <a:bodyPr/>
        <a:lstStyle/>
        <a:p>
          <a:r>
            <a:rPr lang="da-DK"/>
            <a:t>Kvalitetsmål for e-læring</a:t>
          </a:r>
        </a:p>
      </dgm:t>
    </dgm:pt>
    <dgm:pt modelId="{4559A804-5760-DC4C-AA6B-87D0BD30F880}" type="parTrans" cxnId="{07FF94F5-4C6A-2A4D-98E5-DE00A0E5B230}">
      <dgm:prSet/>
      <dgm:spPr/>
      <dgm:t>
        <a:bodyPr/>
        <a:lstStyle/>
        <a:p>
          <a:endParaRPr lang="da-DK"/>
        </a:p>
      </dgm:t>
    </dgm:pt>
    <dgm:pt modelId="{28020926-09F2-1745-B6FF-42A8B159BB8C}" type="sibTrans" cxnId="{07FF94F5-4C6A-2A4D-98E5-DE00A0E5B230}">
      <dgm:prSet/>
      <dgm:spPr/>
      <dgm:t>
        <a:bodyPr/>
        <a:lstStyle/>
        <a:p>
          <a:endParaRPr lang="da-DK"/>
        </a:p>
      </dgm:t>
    </dgm:pt>
    <dgm:pt modelId="{55CA63CB-B31C-3F44-A27B-B673C6052B91}">
      <dgm:prSet phldrT="[Tekst]"/>
      <dgm:spPr/>
      <dgm:t>
        <a:bodyPr/>
        <a:lstStyle/>
        <a:p>
          <a:r>
            <a:rPr lang="da-DK" dirty="0"/>
            <a:t>Koncept for e-læringsudbud</a:t>
          </a:r>
        </a:p>
      </dgm:t>
    </dgm:pt>
    <dgm:pt modelId="{23081513-E15E-7D4C-9D0C-4F9F4E987AEB}" type="parTrans" cxnId="{FB4EF331-2958-ED41-9B06-DB8E58991E9A}">
      <dgm:prSet/>
      <dgm:spPr/>
      <dgm:t>
        <a:bodyPr/>
        <a:lstStyle/>
        <a:p>
          <a:endParaRPr lang="da-DK"/>
        </a:p>
      </dgm:t>
    </dgm:pt>
    <dgm:pt modelId="{387DBD3A-E64E-104C-BA6E-E00EDDDF3724}" type="sibTrans" cxnId="{FB4EF331-2958-ED41-9B06-DB8E58991E9A}">
      <dgm:prSet/>
      <dgm:spPr/>
      <dgm:t>
        <a:bodyPr/>
        <a:lstStyle/>
        <a:p>
          <a:endParaRPr lang="da-DK"/>
        </a:p>
      </dgm:t>
    </dgm:pt>
    <dgm:pt modelId="{71F7F6BF-4C06-A348-BB04-265EB16451C5}">
      <dgm:prSet phldrT="[Tekst]"/>
      <dgm:spPr/>
      <dgm:t>
        <a:bodyPr/>
        <a:lstStyle/>
        <a:p>
          <a:r>
            <a:rPr lang="da-DK" dirty="0"/>
            <a:t>Forventnings-afstemning overfor de studerende</a:t>
          </a:r>
        </a:p>
      </dgm:t>
    </dgm:pt>
    <dgm:pt modelId="{18FBE39F-F082-944A-B170-101AAEB4B2C4}" type="parTrans" cxnId="{06E8DA68-7A67-2744-B019-8194A5B94D6D}">
      <dgm:prSet/>
      <dgm:spPr/>
      <dgm:t>
        <a:bodyPr/>
        <a:lstStyle/>
        <a:p>
          <a:endParaRPr lang="da-DK"/>
        </a:p>
      </dgm:t>
    </dgm:pt>
    <dgm:pt modelId="{6B6A8CB6-0478-A74E-B2A7-37CAADED5E9E}" type="sibTrans" cxnId="{06E8DA68-7A67-2744-B019-8194A5B94D6D}">
      <dgm:prSet/>
      <dgm:spPr/>
      <dgm:t>
        <a:bodyPr/>
        <a:lstStyle/>
        <a:p>
          <a:endParaRPr lang="da-DK"/>
        </a:p>
      </dgm:t>
    </dgm:pt>
    <dgm:pt modelId="{377C1EC8-ECB7-3E47-B8E4-DCEAB97F4434}">
      <dgm:prSet phldrT="[Tekst]"/>
      <dgm:spPr/>
      <dgm:t>
        <a:bodyPr/>
        <a:lstStyle/>
        <a:p>
          <a:r>
            <a:rPr lang="da-DK" dirty="0"/>
            <a:t>Opmærksomhed på planlægning og struktur</a:t>
          </a:r>
        </a:p>
      </dgm:t>
    </dgm:pt>
    <dgm:pt modelId="{54145C02-826B-4A46-A98E-85ACA26DF629}" type="parTrans" cxnId="{D5F07D35-67AA-5248-AED7-1BEB47D7102A}">
      <dgm:prSet/>
      <dgm:spPr/>
      <dgm:t>
        <a:bodyPr/>
        <a:lstStyle/>
        <a:p>
          <a:endParaRPr lang="da-DK"/>
        </a:p>
      </dgm:t>
    </dgm:pt>
    <dgm:pt modelId="{AF0FF0A0-8D7D-F446-ADD7-96E02DC1C9C0}" type="sibTrans" cxnId="{D5F07D35-67AA-5248-AED7-1BEB47D7102A}">
      <dgm:prSet/>
      <dgm:spPr/>
      <dgm:t>
        <a:bodyPr/>
        <a:lstStyle/>
        <a:p>
          <a:endParaRPr lang="da-DK"/>
        </a:p>
      </dgm:t>
    </dgm:pt>
    <dgm:pt modelId="{1B873FA8-981E-254A-9969-F03C4BBDE45B}">
      <dgm:prSet phldrT="[Tekst]"/>
      <dgm:spPr/>
      <dgm:t>
        <a:bodyPr/>
        <a:lstStyle/>
        <a:p>
          <a:r>
            <a:rPr lang="da-DK" dirty="0"/>
            <a:t>Digitaliseret studieinformation og support</a:t>
          </a:r>
        </a:p>
      </dgm:t>
    </dgm:pt>
    <dgm:pt modelId="{79624981-6C9D-094F-AC3D-8151E4D7B399}" type="parTrans" cxnId="{5B9693BE-B095-AF47-ABAE-A03568EE43D8}">
      <dgm:prSet/>
      <dgm:spPr/>
      <dgm:t>
        <a:bodyPr/>
        <a:lstStyle/>
        <a:p>
          <a:endParaRPr lang="da-DK"/>
        </a:p>
      </dgm:t>
    </dgm:pt>
    <dgm:pt modelId="{50FFE524-8167-A546-B0BA-4ED43A0E529B}" type="sibTrans" cxnId="{5B9693BE-B095-AF47-ABAE-A03568EE43D8}">
      <dgm:prSet/>
      <dgm:spPr/>
      <dgm:t>
        <a:bodyPr/>
        <a:lstStyle/>
        <a:p>
          <a:endParaRPr lang="da-DK"/>
        </a:p>
      </dgm:t>
    </dgm:pt>
    <dgm:pt modelId="{C25D6F8D-40E6-ED46-AE29-8A2CE4EBC4F0}">
      <dgm:prSet phldrT="[Tekst]"/>
      <dgm:spPr/>
      <dgm:t>
        <a:bodyPr/>
        <a:lstStyle/>
        <a:p>
          <a:r>
            <a:rPr lang="da-DK" dirty="0"/>
            <a:t>Undervisernes e-didaktiske og tekniske kompetencer</a:t>
          </a:r>
        </a:p>
      </dgm:t>
    </dgm:pt>
    <dgm:pt modelId="{88C9B532-5429-E040-B2FD-CB355C0B61D5}" type="parTrans" cxnId="{2C2489F9-E616-F646-93D8-94053E9421F5}">
      <dgm:prSet/>
      <dgm:spPr/>
      <dgm:t>
        <a:bodyPr/>
        <a:lstStyle/>
        <a:p>
          <a:endParaRPr lang="da-DK"/>
        </a:p>
      </dgm:t>
    </dgm:pt>
    <dgm:pt modelId="{4B722A20-D815-BE4E-874A-5816439A7A60}" type="sibTrans" cxnId="{2C2489F9-E616-F646-93D8-94053E9421F5}">
      <dgm:prSet/>
      <dgm:spPr/>
      <dgm:t>
        <a:bodyPr/>
        <a:lstStyle/>
        <a:p>
          <a:endParaRPr lang="da-DK"/>
        </a:p>
      </dgm:t>
    </dgm:pt>
    <dgm:pt modelId="{F2317BF3-D544-AA48-82EF-0BF686466E97}">
      <dgm:prSet phldrT="[Tekst]"/>
      <dgm:spPr/>
      <dgm:t>
        <a:bodyPr/>
        <a:lstStyle/>
        <a:p>
          <a:r>
            <a:rPr lang="da-DK" dirty="0"/>
            <a:t>Absalons  generelle kvalitetspolitik</a:t>
          </a:r>
        </a:p>
      </dgm:t>
    </dgm:pt>
    <dgm:pt modelId="{35BD9C42-9D73-284E-A6CB-F4C2A41E2418}" type="parTrans" cxnId="{64E3503D-AD1D-D843-9B0F-A18102AFB96E}">
      <dgm:prSet/>
      <dgm:spPr/>
      <dgm:t>
        <a:bodyPr/>
        <a:lstStyle/>
        <a:p>
          <a:endParaRPr lang="da-DK"/>
        </a:p>
      </dgm:t>
    </dgm:pt>
    <dgm:pt modelId="{A7E6F913-15DD-244E-8EA6-ECE3E6158D4E}" type="sibTrans" cxnId="{64E3503D-AD1D-D843-9B0F-A18102AFB96E}">
      <dgm:prSet/>
      <dgm:spPr/>
      <dgm:t>
        <a:bodyPr/>
        <a:lstStyle/>
        <a:p>
          <a:endParaRPr lang="da-DK"/>
        </a:p>
      </dgm:t>
    </dgm:pt>
    <dgm:pt modelId="{4FF83561-8A74-884B-93EA-115C4B0A0462}" type="pres">
      <dgm:prSet presAssocID="{E08917A6-2A57-3D46-B0CE-7270B120D165}" presName="cycle" presStyleCnt="0">
        <dgm:presLayoutVars>
          <dgm:chMax val="1"/>
          <dgm:dir/>
          <dgm:animLvl val="ctr"/>
          <dgm:resizeHandles val="exact"/>
        </dgm:presLayoutVars>
      </dgm:prSet>
      <dgm:spPr/>
    </dgm:pt>
    <dgm:pt modelId="{8A83E5FF-86C3-7144-9065-AC4757B6860C}" type="pres">
      <dgm:prSet presAssocID="{54DBD12B-196E-FB4A-90C5-CD457BD6BBF6}" presName="centerShape" presStyleLbl="node0" presStyleIdx="0" presStyleCnt="1"/>
      <dgm:spPr/>
    </dgm:pt>
    <dgm:pt modelId="{62FA14E8-78EE-DD4F-9785-24EF74C94591}" type="pres">
      <dgm:prSet presAssocID="{35BD9C42-9D73-284E-A6CB-F4C2A41E2418}" presName="parTrans" presStyleLbl="bgSibTrans2D1" presStyleIdx="0" presStyleCnt="6"/>
      <dgm:spPr/>
    </dgm:pt>
    <dgm:pt modelId="{5140FC82-1700-A645-81E4-5184B1936AB2}" type="pres">
      <dgm:prSet presAssocID="{F2317BF3-D544-AA48-82EF-0BF686466E97}" presName="node" presStyleLbl="node1" presStyleIdx="0" presStyleCnt="6">
        <dgm:presLayoutVars>
          <dgm:bulletEnabled val="1"/>
        </dgm:presLayoutVars>
      </dgm:prSet>
      <dgm:spPr/>
    </dgm:pt>
    <dgm:pt modelId="{CE2AD67A-A978-3D4F-8E45-C9F7CFDF90EE}" type="pres">
      <dgm:prSet presAssocID="{23081513-E15E-7D4C-9D0C-4F9F4E987AEB}" presName="parTrans" presStyleLbl="bgSibTrans2D1" presStyleIdx="1" presStyleCnt="6"/>
      <dgm:spPr/>
    </dgm:pt>
    <dgm:pt modelId="{D836C102-A7CD-9449-887F-D8AB5A6F8153}" type="pres">
      <dgm:prSet presAssocID="{55CA63CB-B31C-3F44-A27B-B673C6052B91}" presName="node" presStyleLbl="node1" presStyleIdx="1" presStyleCnt="6">
        <dgm:presLayoutVars>
          <dgm:bulletEnabled val="1"/>
        </dgm:presLayoutVars>
      </dgm:prSet>
      <dgm:spPr/>
    </dgm:pt>
    <dgm:pt modelId="{2B299E70-83AF-2E43-A59E-9990A97D726E}" type="pres">
      <dgm:prSet presAssocID="{18FBE39F-F082-944A-B170-101AAEB4B2C4}" presName="parTrans" presStyleLbl="bgSibTrans2D1" presStyleIdx="2" presStyleCnt="6"/>
      <dgm:spPr/>
    </dgm:pt>
    <dgm:pt modelId="{2C23541C-1B5A-9A41-9A4E-4DAD900E0AA6}" type="pres">
      <dgm:prSet presAssocID="{71F7F6BF-4C06-A348-BB04-265EB16451C5}" presName="node" presStyleLbl="node1" presStyleIdx="2" presStyleCnt="6">
        <dgm:presLayoutVars>
          <dgm:bulletEnabled val="1"/>
        </dgm:presLayoutVars>
      </dgm:prSet>
      <dgm:spPr/>
    </dgm:pt>
    <dgm:pt modelId="{6B7B2B0A-A08E-574B-9E7A-8F0BE96DA2DA}" type="pres">
      <dgm:prSet presAssocID="{54145C02-826B-4A46-A98E-85ACA26DF629}" presName="parTrans" presStyleLbl="bgSibTrans2D1" presStyleIdx="3" presStyleCnt="6"/>
      <dgm:spPr/>
    </dgm:pt>
    <dgm:pt modelId="{94EB9852-38CF-A042-A3E1-8AC7CF3615FE}" type="pres">
      <dgm:prSet presAssocID="{377C1EC8-ECB7-3E47-B8E4-DCEAB97F4434}" presName="node" presStyleLbl="node1" presStyleIdx="3" presStyleCnt="6">
        <dgm:presLayoutVars>
          <dgm:bulletEnabled val="1"/>
        </dgm:presLayoutVars>
      </dgm:prSet>
      <dgm:spPr/>
    </dgm:pt>
    <dgm:pt modelId="{C4E9F9DD-69D2-694B-B531-810B2E96299F}" type="pres">
      <dgm:prSet presAssocID="{79624981-6C9D-094F-AC3D-8151E4D7B399}" presName="parTrans" presStyleLbl="bgSibTrans2D1" presStyleIdx="4" presStyleCnt="6"/>
      <dgm:spPr/>
    </dgm:pt>
    <dgm:pt modelId="{CCE623C8-D548-6B4A-A96F-956A4FC74267}" type="pres">
      <dgm:prSet presAssocID="{1B873FA8-981E-254A-9969-F03C4BBDE45B}" presName="node" presStyleLbl="node1" presStyleIdx="4" presStyleCnt="6">
        <dgm:presLayoutVars>
          <dgm:bulletEnabled val="1"/>
        </dgm:presLayoutVars>
      </dgm:prSet>
      <dgm:spPr/>
    </dgm:pt>
    <dgm:pt modelId="{ADD0BBD0-E6E7-1747-9627-58A5AAC7D91D}" type="pres">
      <dgm:prSet presAssocID="{88C9B532-5429-E040-B2FD-CB355C0B61D5}" presName="parTrans" presStyleLbl="bgSibTrans2D1" presStyleIdx="5" presStyleCnt="6"/>
      <dgm:spPr/>
    </dgm:pt>
    <dgm:pt modelId="{01C7191F-CE62-0349-9295-5A8C4A368E82}" type="pres">
      <dgm:prSet presAssocID="{C25D6F8D-40E6-ED46-AE29-8A2CE4EBC4F0}" presName="node" presStyleLbl="node1" presStyleIdx="5" presStyleCnt="6">
        <dgm:presLayoutVars>
          <dgm:bulletEnabled val="1"/>
        </dgm:presLayoutVars>
      </dgm:prSet>
      <dgm:spPr/>
    </dgm:pt>
  </dgm:ptLst>
  <dgm:cxnLst>
    <dgm:cxn modelId="{6F21B709-EED4-5D43-9A4E-E52ECA8E1B58}" type="presOf" srcId="{54145C02-826B-4A46-A98E-85ACA26DF629}" destId="{6B7B2B0A-A08E-574B-9E7A-8F0BE96DA2DA}" srcOrd="0" destOrd="0" presId="urn:microsoft.com/office/officeart/2005/8/layout/radial4"/>
    <dgm:cxn modelId="{D5AF4618-0436-6C4B-97CE-30CD3E750776}" type="presOf" srcId="{C25D6F8D-40E6-ED46-AE29-8A2CE4EBC4F0}" destId="{01C7191F-CE62-0349-9295-5A8C4A368E82}" srcOrd="0" destOrd="0" presId="urn:microsoft.com/office/officeart/2005/8/layout/radial4"/>
    <dgm:cxn modelId="{5AEB1722-CE8C-764D-B3E1-A48847CC67ED}" type="presOf" srcId="{35BD9C42-9D73-284E-A6CB-F4C2A41E2418}" destId="{62FA14E8-78EE-DD4F-9785-24EF74C94591}" srcOrd="0" destOrd="0" presId="urn:microsoft.com/office/officeart/2005/8/layout/radial4"/>
    <dgm:cxn modelId="{FB4EF331-2958-ED41-9B06-DB8E58991E9A}" srcId="{54DBD12B-196E-FB4A-90C5-CD457BD6BBF6}" destId="{55CA63CB-B31C-3F44-A27B-B673C6052B91}" srcOrd="1" destOrd="0" parTransId="{23081513-E15E-7D4C-9D0C-4F9F4E987AEB}" sibTransId="{387DBD3A-E64E-104C-BA6E-E00EDDDF3724}"/>
    <dgm:cxn modelId="{D5F07D35-67AA-5248-AED7-1BEB47D7102A}" srcId="{54DBD12B-196E-FB4A-90C5-CD457BD6BBF6}" destId="{377C1EC8-ECB7-3E47-B8E4-DCEAB97F4434}" srcOrd="3" destOrd="0" parTransId="{54145C02-826B-4A46-A98E-85ACA26DF629}" sibTransId="{AF0FF0A0-8D7D-F446-ADD7-96E02DC1C9C0}"/>
    <dgm:cxn modelId="{65FB8438-79BD-AB4C-81DD-A23187E56D65}" type="presOf" srcId="{18FBE39F-F082-944A-B170-101AAEB4B2C4}" destId="{2B299E70-83AF-2E43-A59E-9990A97D726E}" srcOrd="0" destOrd="0" presId="urn:microsoft.com/office/officeart/2005/8/layout/radial4"/>
    <dgm:cxn modelId="{64E3503D-AD1D-D843-9B0F-A18102AFB96E}" srcId="{54DBD12B-196E-FB4A-90C5-CD457BD6BBF6}" destId="{F2317BF3-D544-AA48-82EF-0BF686466E97}" srcOrd="0" destOrd="0" parTransId="{35BD9C42-9D73-284E-A6CB-F4C2A41E2418}" sibTransId="{A7E6F913-15DD-244E-8EA6-ECE3E6158D4E}"/>
    <dgm:cxn modelId="{E110885B-B6D7-E347-95DC-BE5BBF6F9319}" type="presOf" srcId="{71F7F6BF-4C06-A348-BB04-265EB16451C5}" destId="{2C23541C-1B5A-9A41-9A4E-4DAD900E0AA6}" srcOrd="0" destOrd="0" presId="urn:microsoft.com/office/officeart/2005/8/layout/radial4"/>
    <dgm:cxn modelId="{975C125C-643C-8842-B1A6-6C59F4C9CAFD}" type="presOf" srcId="{23081513-E15E-7D4C-9D0C-4F9F4E987AEB}" destId="{CE2AD67A-A978-3D4F-8E45-C9F7CFDF90EE}" srcOrd="0" destOrd="0" presId="urn:microsoft.com/office/officeart/2005/8/layout/radial4"/>
    <dgm:cxn modelId="{CA203C5F-17E7-AB48-8118-298C66C9FFF2}" type="presOf" srcId="{F2317BF3-D544-AA48-82EF-0BF686466E97}" destId="{5140FC82-1700-A645-81E4-5184B1936AB2}" srcOrd="0" destOrd="0" presId="urn:microsoft.com/office/officeart/2005/8/layout/radial4"/>
    <dgm:cxn modelId="{06E8DA68-7A67-2744-B019-8194A5B94D6D}" srcId="{54DBD12B-196E-FB4A-90C5-CD457BD6BBF6}" destId="{71F7F6BF-4C06-A348-BB04-265EB16451C5}" srcOrd="2" destOrd="0" parTransId="{18FBE39F-F082-944A-B170-101AAEB4B2C4}" sibTransId="{6B6A8CB6-0478-A74E-B2A7-37CAADED5E9E}"/>
    <dgm:cxn modelId="{3772736C-4A7A-A340-BC36-377F4E620F2C}" type="presOf" srcId="{88C9B532-5429-E040-B2FD-CB355C0B61D5}" destId="{ADD0BBD0-E6E7-1747-9627-58A5AAC7D91D}" srcOrd="0" destOrd="0" presId="urn:microsoft.com/office/officeart/2005/8/layout/radial4"/>
    <dgm:cxn modelId="{A5DD117C-8BF0-1B46-9F50-671DFF6D2771}" type="presOf" srcId="{55CA63CB-B31C-3F44-A27B-B673C6052B91}" destId="{D836C102-A7CD-9449-887F-D8AB5A6F8153}" srcOrd="0" destOrd="0" presId="urn:microsoft.com/office/officeart/2005/8/layout/radial4"/>
    <dgm:cxn modelId="{B9FF5A84-43AB-A942-866F-355B4694BF56}" type="presOf" srcId="{54DBD12B-196E-FB4A-90C5-CD457BD6BBF6}" destId="{8A83E5FF-86C3-7144-9065-AC4757B6860C}" srcOrd="0" destOrd="0" presId="urn:microsoft.com/office/officeart/2005/8/layout/radial4"/>
    <dgm:cxn modelId="{70B1E898-11FA-ED4A-AF7E-18902CDC71DB}" type="presOf" srcId="{79624981-6C9D-094F-AC3D-8151E4D7B399}" destId="{C4E9F9DD-69D2-694B-B531-810B2E96299F}" srcOrd="0" destOrd="0" presId="urn:microsoft.com/office/officeart/2005/8/layout/radial4"/>
    <dgm:cxn modelId="{7901699C-6297-5949-863B-D9E17838E594}" type="presOf" srcId="{1B873FA8-981E-254A-9969-F03C4BBDE45B}" destId="{CCE623C8-D548-6B4A-A96F-956A4FC74267}" srcOrd="0" destOrd="0" presId="urn:microsoft.com/office/officeart/2005/8/layout/radial4"/>
    <dgm:cxn modelId="{CF0B47BC-C8DC-E14A-871A-675B6730DDE3}" type="presOf" srcId="{377C1EC8-ECB7-3E47-B8E4-DCEAB97F4434}" destId="{94EB9852-38CF-A042-A3E1-8AC7CF3615FE}" srcOrd="0" destOrd="0" presId="urn:microsoft.com/office/officeart/2005/8/layout/radial4"/>
    <dgm:cxn modelId="{5B9693BE-B095-AF47-ABAE-A03568EE43D8}" srcId="{54DBD12B-196E-FB4A-90C5-CD457BD6BBF6}" destId="{1B873FA8-981E-254A-9969-F03C4BBDE45B}" srcOrd="4" destOrd="0" parTransId="{79624981-6C9D-094F-AC3D-8151E4D7B399}" sibTransId="{50FFE524-8167-A546-B0BA-4ED43A0E529B}"/>
    <dgm:cxn modelId="{B968E2D4-DC74-3342-B283-EC63CA34BBAB}" type="presOf" srcId="{E08917A6-2A57-3D46-B0CE-7270B120D165}" destId="{4FF83561-8A74-884B-93EA-115C4B0A0462}" srcOrd="0" destOrd="0" presId="urn:microsoft.com/office/officeart/2005/8/layout/radial4"/>
    <dgm:cxn modelId="{07FF94F5-4C6A-2A4D-98E5-DE00A0E5B230}" srcId="{E08917A6-2A57-3D46-B0CE-7270B120D165}" destId="{54DBD12B-196E-FB4A-90C5-CD457BD6BBF6}" srcOrd="0" destOrd="0" parTransId="{4559A804-5760-DC4C-AA6B-87D0BD30F880}" sibTransId="{28020926-09F2-1745-B6FF-42A8B159BB8C}"/>
    <dgm:cxn modelId="{2C2489F9-E616-F646-93D8-94053E9421F5}" srcId="{54DBD12B-196E-FB4A-90C5-CD457BD6BBF6}" destId="{C25D6F8D-40E6-ED46-AE29-8A2CE4EBC4F0}" srcOrd="5" destOrd="0" parTransId="{88C9B532-5429-E040-B2FD-CB355C0B61D5}" sibTransId="{4B722A20-D815-BE4E-874A-5816439A7A60}"/>
    <dgm:cxn modelId="{64718C78-2205-EF48-9C88-2162D4DB3A41}" type="presParOf" srcId="{4FF83561-8A74-884B-93EA-115C4B0A0462}" destId="{8A83E5FF-86C3-7144-9065-AC4757B6860C}" srcOrd="0" destOrd="0" presId="urn:microsoft.com/office/officeart/2005/8/layout/radial4"/>
    <dgm:cxn modelId="{1A33FCA0-89AA-B144-937A-BC0B5CCDF8C6}" type="presParOf" srcId="{4FF83561-8A74-884B-93EA-115C4B0A0462}" destId="{62FA14E8-78EE-DD4F-9785-24EF74C94591}" srcOrd="1" destOrd="0" presId="urn:microsoft.com/office/officeart/2005/8/layout/radial4"/>
    <dgm:cxn modelId="{E912FC84-A027-054A-942A-72E3BA17214E}" type="presParOf" srcId="{4FF83561-8A74-884B-93EA-115C4B0A0462}" destId="{5140FC82-1700-A645-81E4-5184B1936AB2}" srcOrd="2" destOrd="0" presId="urn:microsoft.com/office/officeart/2005/8/layout/radial4"/>
    <dgm:cxn modelId="{D1B3070E-09F5-8E4F-A919-C4B73B0E0AEE}" type="presParOf" srcId="{4FF83561-8A74-884B-93EA-115C4B0A0462}" destId="{CE2AD67A-A978-3D4F-8E45-C9F7CFDF90EE}" srcOrd="3" destOrd="0" presId="urn:microsoft.com/office/officeart/2005/8/layout/radial4"/>
    <dgm:cxn modelId="{65E21769-A7B7-BB49-8305-076A810B6189}" type="presParOf" srcId="{4FF83561-8A74-884B-93EA-115C4B0A0462}" destId="{D836C102-A7CD-9449-887F-D8AB5A6F8153}" srcOrd="4" destOrd="0" presId="urn:microsoft.com/office/officeart/2005/8/layout/radial4"/>
    <dgm:cxn modelId="{55C5FFA0-346A-904F-86C2-CA4EC15062E4}" type="presParOf" srcId="{4FF83561-8A74-884B-93EA-115C4B0A0462}" destId="{2B299E70-83AF-2E43-A59E-9990A97D726E}" srcOrd="5" destOrd="0" presId="urn:microsoft.com/office/officeart/2005/8/layout/radial4"/>
    <dgm:cxn modelId="{40E9A3DE-DD64-8B48-B681-CA109E5586BB}" type="presParOf" srcId="{4FF83561-8A74-884B-93EA-115C4B0A0462}" destId="{2C23541C-1B5A-9A41-9A4E-4DAD900E0AA6}" srcOrd="6" destOrd="0" presId="urn:microsoft.com/office/officeart/2005/8/layout/radial4"/>
    <dgm:cxn modelId="{28C589ED-375F-7E46-BA1B-0BF7B667EB84}" type="presParOf" srcId="{4FF83561-8A74-884B-93EA-115C4B0A0462}" destId="{6B7B2B0A-A08E-574B-9E7A-8F0BE96DA2DA}" srcOrd="7" destOrd="0" presId="urn:microsoft.com/office/officeart/2005/8/layout/radial4"/>
    <dgm:cxn modelId="{51A0B33F-78F2-F548-8AF7-0EC2A21210D9}" type="presParOf" srcId="{4FF83561-8A74-884B-93EA-115C4B0A0462}" destId="{94EB9852-38CF-A042-A3E1-8AC7CF3615FE}" srcOrd="8" destOrd="0" presId="urn:microsoft.com/office/officeart/2005/8/layout/radial4"/>
    <dgm:cxn modelId="{EC38D0FE-2CA1-CE49-BF9F-B84CF5A5734D}" type="presParOf" srcId="{4FF83561-8A74-884B-93EA-115C4B0A0462}" destId="{C4E9F9DD-69D2-694B-B531-810B2E96299F}" srcOrd="9" destOrd="0" presId="urn:microsoft.com/office/officeart/2005/8/layout/radial4"/>
    <dgm:cxn modelId="{E875A5AE-FBDB-0246-8B26-15D1F8AB09D5}" type="presParOf" srcId="{4FF83561-8A74-884B-93EA-115C4B0A0462}" destId="{CCE623C8-D548-6B4A-A96F-956A4FC74267}" srcOrd="10" destOrd="0" presId="urn:microsoft.com/office/officeart/2005/8/layout/radial4"/>
    <dgm:cxn modelId="{5566F589-3202-B347-88D9-0DB226A09D6C}" type="presParOf" srcId="{4FF83561-8A74-884B-93EA-115C4B0A0462}" destId="{ADD0BBD0-E6E7-1747-9627-58A5AAC7D91D}" srcOrd="11" destOrd="0" presId="urn:microsoft.com/office/officeart/2005/8/layout/radial4"/>
    <dgm:cxn modelId="{A0A20CD7-215F-6C4C-86C6-9CA1A0DF4C3F}" type="presParOf" srcId="{4FF83561-8A74-884B-93EA-115C4B0A0462}" destId="{01C7191F-CE62-0349-9295-5A8C4A368E82}" srcOrd="12" destOrd="0" presId="urn:microsoft.com/office/officeart/2005/8/layout/radial4"/>
  </dgm:cxnLst>
  <dgm:bg>
    <a:noFill/>
  </dgm:bg>
  <dgm:whole>
    <a:ln>
      <a:noFill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827FD8A-64B2-7B4F-97DB-C065D6297BED}" type="doc">
      <dgm:prSet loTypeId="urn:microsoft.com/office/officeart/2005/8/layout/StepDownProcess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D4778BC7-B5EA-E04D-9C80-351C73852264}">
      <dgm:prSet phldrT="[Tekst]"/>
      <dgm:spPr/>
      <dgm:t>
        <a:bodyPr/>
        <a:lstStyle/>
        <a:p>
          <a:r>
            <a:rPr lang="da-DK" dirty="0"/>
            <a:t>Kompetenceudvikling</a:t>
          </a:r>
        </a:p>
      </dgm:t>
    </dgm:pt>
    <dgm:pt modelId="{B50E5379-64CF-1641-94A1-1CF39684F903}" type="parTrans" cxnId="{BA97F84B-7E6C-2047-A25C-EBCA8B7A3483}">
      <dgm:prSet/>
      <dgm:spPr/>
      <dgm:t>
        <a:bodyPr/>
        <a:lstStyle/>
        <a:p>
          <a:endParaRPr lang="da-DK"/>
        </a:p>
      </dgm:t>
    </dgm:pt>
    <dgm:pt modelId="{FC3AF13E-F955-8A42-BE5B-7CAF127EE9B4}" type="sibTrans" cxnId="{BA97F84B-7E6C-2047-A25C-EBCA8B7A3483}">
      <dgm:prSet/>
      <dgm:spPr/>
      <dgm:t>
        <a:bodyPr/>
        <a:lstStyle/>
        <a:p>
          <a:endParaRPr lang="da-DK"/>
        </a:p>
      </dgm:t>
    </dgm:pt>
    <dgm:pt modelId="{557D039A-E981-024C-9EC6-1B0F21D3700E}">
      <dgm:prSet phldrT="[Tekst]"/>
      <dgm:spPr/>
      <dgm:t>
        <a:bodyPr/>
        <a:lstStyle/>
        <a:p>
          <a:r>
            <a:rPr lang="da-DK" dirty="0"/>
            <a:t>Eksperimenter med undervisning og design</a:t>
          </a:r>
        </a:p>
      </dgm:t>
    </dgm:pt>
    <dgm:pt modelId="{A33B3E1E-4706-2B45-96EB-A0352D05FA1E}" type="parTrans" cxnId="{D32762CD-1372-5F4D-B6BE-81E128F3B1F3}">
      <dgm:prSet/>
      <dgm:spPr/>
      <dgm:t>
        <a:bodyPr/>
        <a:lstStyle/>
        <a:p>
          <a:endParaRPr lang="da-DK"/>
        </a:p>
      </dgm:t>
    </dgm:pt>
    <dgm:pt modelId="{67F59948-9213-D64E-83DE-6510FA393DA9}" type="sibTrans" cxnId="{D32762CD-1372-5F4D-B6BE-81E128F3B1F3}">
      <dgm:prSet/>
      <dgm:spPr/>
      <dgm:t>
        <a:bodyPr/>
        <a:lstStyle/>
        <a:p>
          <a:endParaRPr lang="da-DK"/>
        </a:p>
      </dgm:t>
    </dgm:pt>
    <dgm:pt modelId="{2AA855F3-08C1-C04C-BF89-B183F54A3CC3}">
      <dgm:prSet phldrT="[Tekst]"/>
      <dgm:spPr/>
      <dgm:t>
        <a:bodyPr/>
        <a:lstStyle/>
        <a:p>
          <a:r>
            <a:rPr lang="da-DK" dirty="0"/>
            <a:t>Principper for tilrettelæggelse og gennemførelse af undervisningen</a:t>
          </a:r>
        </a:p>
      </dgm:t>
    </dgm:pt>
    <dgm:pt modelId="{854A1AB2-BC50-D74F-8ACB-BAFC1BD71B21}" type="parTrans" cxnId="{A2A53FB4-B2A8-FD42-BDDD-8DEE2859A6AE}">
      <dgm:prSet/>
      <dgm:spPr/>
      <dgm:t>
        <a:bodyPr/>
        <a:lstStyle/>
        <a:p>
          <a:endParaRPr lang="da-DK"/>
        </a:p>
      </dgm:t>
    </dgm:pt>
    <dgm:pt modelId="{9C6A4D45-8FE9-6B45-8143-59C5F6C20D50}" type="sibTrans" cxnId="{A2A53FB4-B2A8-FD42-BDDD-8DEE2859A6AE}">
      <dgm:prSet/>
      <dgm:spPr/>
      <dgm:t>
        <a:bodyPr/>
        <a:lstStyle/>
        <a:p>
          <a:endParaRPr lang="da-DK"/>
        </a:p>
      </dgm:t>
    </dgm:pt>
    <dgm:pt modelId="{365F9584-6282-F941-82F9-F5B8D8EC2282}" type="pres">
      <dgm:prSet presAssocID="{4827FD8A-64B2-7B4F-97DB-C065D6297BED}" presName="rootnode" presStyleCnt="0">
        <dgm:presLayoutVars>
          <dgm:chMax/>
          <dgm:chPref/>
          <dgm:dir/>
          <dgm:animLvl val="lvl"/>
        </dgm:presLayoutVars>
      </dgm:prSet>
      <dgm:spPr/>
    </dgm:pt>
    <dgm:pt modelId="{5378719F-3185-E643-8B3B-F5EDBF8412CA}" type="pres">
      <dgm:prSet presAssocID="{D4778BC7-B5EA-E04D-9C80-351C73852264}" presName="composite" presStyleCnt="0"/>
      <dgm:spPr/>
    </dgm:pt>
    <dgm:pt modelId="{FC13E067-C1BD-FC45-B330-28DE84651938}" type="pres">
      <dgm:prSet presAssocID="{D4778BC7-B5EA-E04D-9C80-351C73852264}" presName="bentUpArrow1" presStyleLbl="alignImgPlace1" presStyleIdx="0" presStyleCnt="2"/>
      <dgm:spPr/>
    </dgm:pt>
    <dgm:pt modelId="{C16B5F5A-A76E-0047-A0B0-64C737A072CC}" type="pres">
      <dgm:prSet presAssocID="{D4778BC7-B5EA-E04D-9C80-351C73852264}" presName="ParentText" presStyleLbl="node1" presStyleIdx="0" presStyleCnt="3">
        <dgm:presLayoutVars>
          <dgm:chMax val="1"/>
          <dgm:chPref val="1"/>
          <dgm:bulletEnabled val="1"/>
        </dgm:presLayoutVars>
      </dgm:prSet>
      <dgm:spPr/>
    </dgm:pt>
    <dgm:pt modelId="{A44EB4E2-11C7-5841-9AE6-3754C08A64BC}" type="pres">
      <dgm:prSet presAssocID="{D4778BC7-B5EA-E04D-9C80-351C73852264}" presName="ChildText" presStyleLbl="revTx" presStyleIdx="0" presStyleCnt="2">
        <dgm:presLayoutVars>
          <dgm:chMax val="0"/>
          <dgm:chPref val="0"/>
          <dgm:bulletEnabled val="1"/>
        </dgm:presLayoutVars>
      </dgm:prSet>
      <dgm:spPr/>
    </dgm:pt>
    <dgm:pt modelId="{6B8D2D56-1E76-A54B-A121-776E47E94591}" type="pres">
      <dgm:prSet presAssocID="{FC3AF13E-F955-8A42-BE5B-7CAF127EE9B4}" presName="sibTrans" presStyleCnt="0"/>
      <dgm:spPr/>
    </dgm:pt>
    <dgm:pt modelId="{9F6D69EE-B62A-8C44-A2CE-EC8F83A04558}" type="pres">
      <dgm:prSet presAssocID="{557D039A-E981-024C-9EC6-1B0F21D3700E}" presName="composite" presStyleCnt="0"/>
      <dgm:spPr/>
    </dgm:pt>
    <dgm:pt modelId="{702CCDBA-F986-D544-B896-127CE97CE5E5}" type="pres">
      <dgm:prSet presAssocID="{557D039A-E981-024C-9EC6-1B0F21D3700E}" presName="bentUpArrow1" presStyleLbl="alignImgPlace1" presStyleIdx="1" presStyleCnt="2"/>
      <dgm:spPr/>
    </dgm:pt>
    <dgm:pt modelId="{00425C24-8CD8-B447-B35E-6F60BA3DFF41}" type="pres">
      <dgm:prSet presAssocID="{557D039A-E981-024C-9EC6-1B0F21D3700E}" presName="ParentText" presStyleLbl="node1" presStyleIdx="1" presStyleCnt="3">
        <dgm:presLayoutVars>
          <dgm:chMax val="1"/>
          <dgm:chPref val="1"/>
          <dgm:bulletEnabled val="1"/>
        </dgm:presLayoutVars>
      </dgm:prSet>
      <dgm:spPr/>
    </dgm:pt>
    <dgm:pt modelId="{5EBACD3A-FA9E-2449-8B23-169974DBBAF8}" type="pres">
      <dgm:prSet presAssocID="{557D039A-E981-024C-9EC6-1B0F21D3700E}" presName="ChildText" presStyleLbl="revTx" presStyleIdx="1" presStyleCnt="2">
        <dgm:presLayoutVars>
          <dgm:chMax val="0"/>
          <dgm:chPref val="0"/>
          <dgm:bulletEnabled val="1"/>
        </dgm:presLayoutVars>
      </dgm:prSet>
      <dgm:spPr/>
    </dgm:pt>
    <dgm:pt modelId="{D7DC4D4E-F49C-0242-A456-BA7C0F8A11C6}" type="pres">
      <dgm:prSet presAssocID="{67F59948-9213-D64E-83DE-6510FA393DA9}" presName="sibTrans" presStyleCnt="0"/>
      <dgm:spPr/>
    </dgm:pt>
    <dgm:pt modelId="{217244AB-AA9D-B944-9FB3-959210598D6A}" type="pres">
      <dgm:prSet presAssocID="{2AA855F3-08C1-C04C-BF89-B183F54A3CC3}" presName="composite" presStyleCnt="0"/>
      <dgm:spPr/>
    </dgm:pt>
    <dgm:pt modelId="{A24B312D-E22D-A141-8B0D-4D9C1F4EB178}" type="pres">
      <dgm:prSet presAssocID="{2AA855F3-08C1-C04C-BF89-B183F54A3CC3}" presName="ParentText" presStyleLbl="node1" presStyleIdx="2" presStyleCnt="3">
        <dgm:presLayoutVars>
          <dgm:chMax val="1"/>
          <dgm:chPref val="1"/>
          <dgm:bulletEnabled val="1"/>
        </dgm:presLayoutVars>
      </dgm:prSet>
      <dgm:spPr/>
    </dgm:pt>
  </dgm:ptLst>
  <dgm:cxnLst>
    <dgm:cxn modelId="{90E9F00A-C2EF-4441-8CC6-EB748BAC162A}" type="presOf" srcId="{2AA855F3-08C1-C04C-BF89-B183F54A3CC3}" destId="{A24B312D-E22D-A141-8B0D-4D9C1F4EB178}" srcOrd="0" destOrd="0" presId="urn:microsoft.com/office/officeart/2005/8/layout/StepDownProcess"/>
    <dgm:cxn modelId="{8246F025-5842-BA41-99A8-14525EF0C0EB}" type="presOf" srcId="{557D039A-E981-024C-9EC6-1B0F21D3700E}" destId="{00425C24-8CD8-B447-B35E-6F60BA3DFF41}" srcOrd="0" destOrd="0" presId="urn:microsoft.com/office/officeart/2005/8/layout/StepDownProcess"/>
    <dgm:cxn modelId="{211BC832-2CFC-9640-A467-C3FB54FE4D4D}" type="presOf" srcId="{D4778BC7-B5EA-E04D-9C80-351C73852264}" destId="{C16B5F5A-A76E-0047-A0B0-64C737A072CC}" srcOrd="0" destOrd="0" presId="urn:microsoft.com/office/officeart/2005/8/layout/StepDownProcess"/>
    <dgm:cxn modelId="{BA97F84B-7E6C-2047-A25C-EBCA8B7A3483}" srcId="{4827FD8A-64B2-7B4F-97DB-C065D6297BED}" destId="{D4778BC7-B5EA-E04D-9C80-351C73852264}" srcOrd="0" destOrd="0" parTransId="{B50E5379-64CF-1641-94A1-1CF39684F903}" sibTransId="{FC3AF13E-F955-8A42-BE5B-7CAF127EE9B4}"/>
    <dgm:cxn modelId="{5089206C-205A-D642-A268-AA42294CBA85}" type="presOf" srcId="{4827FD8A-64B2-7B4F-97DB-C065D6297BED}" destId="{365F9584-6282-F941-82F9-F5B8D8EC2282}" srcOrd="0" destOrd="0" presId="urn:microsoft.com/office/officeart/2005/8/layout/StepDownProcess"/>
    <dgm:cxn modelId="{A2A53FB4-B2A8-FD42-BDDD-8DEE2859A6AE}" srcId="{4827FD8A-64B2-7B4F-97DB-C065D6297BED}" destId="{2AA855F3-08C1-C04C-BF89-B183F54A3CC3}" srcOrd="2" destOrd="0" parTransId="{854A1AB2-BC50-D74F-8ACB-BAFC1BD71B21}" sibTransId="{9C6A4D45-8FE9-6B45-8143-59C5F6C20D50}"/>
    <dgm:cxn modelId="{D32762CD-1372-5F4D-B6BE-81E128F3B1F3}" srcId="{4827FD8A-64B2-7B4F-97DB-C065D6297BED}" destId="{557D039A-E981-024C-9EC6-1B0F21D3700E}" srcOrd="1" destOrd="0" parTransId="{A33B3E1E-4706-2B45-96EB-A0352D05FA1E}" sibTransId="{67F59948-9213-D64E-83DE-6510FA393DA9}"/>
    <dgm:cxn modelId="{26E58FB9-D52C-4C4F-928D-471038D1FDA2}" type="presParOf" srcId="{365F9584-6282-F941-82F9-F5B8D8EC2282}" destId="{5378719F-3185-E643-8B3B-F5EDBF8412CA}" srcOrd="0" destOrd="0" presId="urn:microsoft.com/office/officeart/2005/8/layout/StepDownProcess"/>
    <dgm:cxn modelId="{FA47CF40-298C-9A4A-8CC0-EEB3B351E551}" type="presParOf" srcId="{5378719F-3185-E643-8B3B-F5EDBF8412CA}" destId="{FC13E067-C1BD-FC45-B330-28DE84651938}" srcOrd="0" destOrd="0" presId="urn:microsoft.com/office/officeart/2005/8/layout/StepDownProcess"/>
    <dgm:cxn modelId="{3EA7E535-1701-374E-8F0B-862F932024B8}" type="presParOf" srcId="{5378719F-3185-E643-8B3B-F5EDBF8412CA}" destId="{C16B5F5A-A76E-0047-A0B0-64C737A072CC}" srcOrd="1" destOrd="0" presId="urn:microsoft.com/office/officeart/2005/8/layout/StepDownProcess"/>
    <dgm:cxn modelId="{D5A7A9D7-877D-6C41-B5A6-DB83885641C5}" type="presParOf" srcId="{5378719F-3185-E643-8B3B-F5EDBF8412CA}" destId="{A44EB4E2-11C7-5841-9AE6-3754C08A64BC}" srcOrd="2" destOrd="0" presId="urn:microsoft.com/office/officeart/2005/8/layout/StepDownProcess"/>
    <dgm:cxn modelId="{CE10E5EA-BE0C-4A41-BF1D-4710AE0F328E}" type="presParOf" srcId="{365F9584-6282-F941-82F9-F5B8D8EC2282}" destId="{6B8D2D56-1E76-A54B-A121-776E47E94591}" srcOrd="1" destOrd="0" presId="urn:microsoft.com/office/officeart/2005/8/layout/StepDownProcess"/>
    <dgm:cxn modelId="{A374917C-DE20-2346-AC72-3A91369F4B2B}" type="presParOf" srcId="{365F9584-6282-F941-82F9-F5B8D8EC2282}" destId="{9F6D69EE-B62A-8C44-A2CE-EC8F83A04558}" srcOrd="2" destOrd="0" presId="urn:microsoft.com/office/officeart/2005/8/layout/StepDownProcess"/>
    <dgm:cxn modelId="{F95B0D10-3C46-AF4C-890B-05E301721A76}" type="presParOf" srcId="{9F6D69EE-B62A-8C44-A2CE-EC8F83A04558}" destId="{702CCDBA-F986-D544-B896-127CE97CE5E5}" srcOrd="0" destOrd="0" presId="urn:microsoft.com/office/officeart/2005/8/layout/StepDownProcess"/>
    <dgm:cxn modelId="{EEDDDED2-6C3C-E743-9910-DF3E34A90E1C}" type="presParOf" srcId="{9F6D69EE-B62A-8C44-A2CE-EC8F83A04558}" destId="{00425C24-8CD8-B447-B35E-6F60BA3DFF41}" srcOrd="1" destOrd="0" presId="urn:microsoft.com/office/officeart/2005/8/layout/StepDownProcess"/>
    <dgm:cxn modelId="{051AB059-ADB9-CA41-9E4C-59189F17DBF7}" type="presParOf" srcId="{9F6D69EE-B62A-8C44-A2CE-EC8F83A04558}" destId="{5EBACD3A-FA9E-2449-8B23-169974DBBAF8}" srcOrd="2" destOrd="0" presId="urn:microsoft.com/office/officeart/2005/8/layout/StepDownProcess"/>
    <dgm:cxn modelId="{26649AFB-1863-4E40-9DE9-41880C83A4CC}" type="presParOf" srcId="{365F9584-6282-F941-82F9-F5B8D8EC2282}" destId="{D7DC4D4E-F49C-0242-A456-BA7C0F8A11C6}" srcOrd="3" destOrd="0" presId="urn:microsoft.com/office/officeart/2005/8/layout/StepDownProcess"/>
    <dgm:cxn modelId="{F98F6B99-F95E-4A4F-8975-FCE882680A90}" type="presParOf" srcId="{365F9584-6282-F941-82F9-F5B8D8EC2282}" destId="{217244AB-AA9D-B944-9FB3-959210598D6A}" srcOrd="4" destOrd="0" presId="urn:microsoft.com/office/officeart/2005/8/layout/StepDownProcess"/>
    <dgm:cxn modelId="{F7377928-452E-3041-AB92-6A785C82B845}" type="presParOf" srcId="{217244AB-AA9D-B944-9FB3-959210598D6A}" destId="{A24B312D-E22D-A141-8B0D-4D9C1F4EB178}" srcOrd="0" destOrd="0" presId="urn:microsoft.com/office/officeart/2005/8/layout/StepDownProces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4827FD8A-64B2-7B4F-97DB-C065D6297BED}" type="doc">
      <dgm:prSet loTypeId="urn:microsoft.com/office/officeart/2005/8/layout/StepDownProcess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D4778BC7-B5EA-E04D-9C80-351C73852264}">
      <dgm:prSet phldrT="[Tekst]"/>
      <dgm:spPr>
        <a:solidFill>
          <a:schemeClr val="accent3">
            <a:lumMod val="75000"/>
          </a:schemeClr>
        </a:solidFill>
        <a:ln>
          <a:solidFill>
            <a:schemeClr val="accent3"/>
          </a:solidFill>
        </a:ln>
      </dgm:spPr>
      <dgm:t>
        <a:bodyPr/>
        <a:lstStyle/>
        <a:p>
          <a:r>
            <a:rPr lang="da-DK" dirty="0"/>
            <a:t>Principper for uddannelserne</a:t>
          </a:r>
        </a:p>
      </dgm:t>
    </dgm:pt>
    <dgm:pt modelId="{B50E5379-64CF-1641-94A1-1CF39684F903}" type="parTrans" cxnId="{BA97F84B-7E6C-2047-A25C-EBCA8B7A3483}">
      <dgm:prSet/>
      <dgm:spPr/>
      <dgm:t>
        <a:bodyPr/>
        <a:lstStyle/>
        <a:p>
          <a:endParaRPr lang="da-DK"/>
        </a:p>
      </dgm:t>
    </dgm:pt>
    <dgm:pt modelId="{FC3AF13E-F955-8A42-BE5B-7CAF127EE9B4}" type="sibTrans" cxnId="{BA97F84B-7E6C-2047-A25C-EBCA8B7A3483}">
      <dgm:prSet/>
      <dgm:spPr/>
      <dgm:t>
        <a:bodyPr/>
        <a:lstStyle/>
        <a:p>
          <a:endParaRPr lang="da-DK"/>
        </a:p>
      </dgm:t>
    </dgm:pt>
    <dgm:pt modelId="{557D039A-E981-024C-9EC6-1B0F21D3700E}">
      <dgm:prSet phldrT="[Tekst]"/>
      <dgm:spPr>
        <a:solidFill>
          <a:schemeClr val="accent3">
            <a:lumMod val="75000"/>
          </a:schemeClr>
        </a:solidFill>
        <a:ln>
          <a:solidFill>
            <a:schemeClr val="accent3"/>
          </a:solidFill>
        </a:ln>
      </dgm:spPr>
      <dgm:t>
        <a:bodyPr/>
        <a:lstStyle/>
        <a:p>
          <a:r>
            <a:rPr lang="da-DK" dirty="0"/>
            <a:t>Design af uddannelser og forløb</a:t>
          </a:r>
        </a:p>
      </dgm:t>
    </dgm:pt>
    <dgm:pt modelId="{A33B3E1E-4706-2B45-96EB-A0352D05FA1E}" type="parTrans" cxnId="{D32762CD-1372-5F4D-B6BE-81E128F3B1F3}">
      <dgm:prSet/>
      <dgm:spPr/>
      <dgm:t>
        <a:bodyPr/>
        <a:lstStyle/>
        <a:p>
          <a:endParaRPr lang="da-DK"/>
        </a:p>
      </dgm:t>
    </dgm:pt>
    <dgm:pt modelId="{67F59948-9213-D64E-83DE-6510FA393DA9}" type="sibTrans" cxnId="{D32762CD-1372-5F4D-B6BE-81E128F3B1F3}">
      <dgm:prSet/>
      <dgm:spPr/>
      <dgm:t>
        <a:bodyPr/>
        <a:lstStyle/>
        <a:p>
          <a:endParaRPr lang="da-DK"/>
        </a:p>
      </dgm:t>
    </dgm:pt>
    <dgm:pt modelId="{2AA855F3-08C1-C04C-BF89-B183F54A3CC3}">
      <dgm:prSet phldrT="[Tekst]"/>
      <dgm:spPr>
        <a:solidFill>
          <a:schemeClr val="accent3">
            <a:lumMod val="75000"/>
          </a:schemeClr>
        </a:solidFill>
        <a:ln>
          <a:solidFill>
            <a:schemeClr val="accent3"/>
          </a:solidFill>
        </a:ln>
      </dgm:spPr>
      <dgm:t>
        <a:bodyPr/>
        <a:lstStyle/>
        <a:p>
          <a:r>
            <a:rPr lang="da-DK" dirty="0"/>
            <a:t>Kompetenceudvikling m.v. </a:t>
          </a:r>
        </a:p>
      </dgm:t>
    </dgm:pt>
    <dgm:pt modelId="{854A1AB2-BC50-D74F-8ACB-BAFC1BD71B21}" type="parTrans" cxnId="{A2A53FB4-B2A8-FD42-BDDD-8DEE2859A6AE}">
      <dgm:prSet/>
      <dgm:spPr/>
      <dgm:t>
        <a:bodyPr/>
        <a:lstStyle/>
        <a:p>
          <a:endParaRPr lang="da-DK"/>
        </a:p>
      </dgm:t>
    </dgm:pt>
    <dgm:pt modelId="{9C6A4D45-8FE9-6B45-8143-59C5F6C20D50}" type="sibTrans" cxnId="{A2A53FB4-B2A8-FD42-BDDD-8DEE2859A6AE}">
      <dgm:prSet/>
      <dgm:spPr/>
      <dgm:t>
        <a:bodyPr/>
        <a:lstStyle/>
        <a:p>
          <a:endParaRPr lang="da-DK"/>
        </a:p>
      </dgm:t>
    </dgm:pt>
    <dgm:pt modelId="{365F9584-6282-F941-82F9-F5B8D8EC2282}" type="pres">
      <dgm:prSet presAssocID="{4827FD8A-64B2-7B4F-97DB-C065D6297BED}" presName="rootnode" presStyleCnt="0">
        <dgm:presLayoutVars>
          <dgm:chMax/>
          <dgm:chPref/>
          <dgm:dir/>
          <dgm:animLvl val="lvl"/>
        </dgm:presLayoutVars>
      </dgm:prSet>
      <dgm:spPr/>
    </dgm:pt>
    <dgm:pt modelId="{5378719F-3185-E643-8B3B-F5EDBF8412CA}" type="pres">
      <dgm:prSet presAssocID="{D4778BC7-B5EA-E04D-9C80-351C73852264}" presName="composite" presStyleCnt="0"/>
      <dgm:spPr/>
    </dgm:pt>
    <dgm:pt modelId="{FC13E067-C1BD-FC45-B330-28DE84651938}" type="pres">
      <dgm:prSet presAssocID="{D4778BC7-B5EA-E04D-9C80-351C73852264}" presName="bentUpArrow1" presStyleLbl="alignImgPlace1" presStyleIdx="0" presStyleCnt="2"/>
      <dgm:spPr>
        <a:solidFill>
          <a:schemeClr val="accent3">
            <a:lumMod val="40000"/>
            <a:lumOff val="60000"/>
          </a:schemeClr>
        </a:solidFill>
      </dgm:spPr>
    </dgm:pt>
    <dgm:pt modelId="{C16B5F5A-A76E-0047-A0B0-64C737A072CC}" type="pres">
      <dgm:prSet presAssocID="{D4778BC7-B5EA-E04D-9C80-351C73852264}" presName="ParentText" presStyleLbl="node1" presStyleIdx="0" presStyleCnt="3">
        <dgm:presLayoutVars>
          <dgm:chMax val="1"/>
          <dgm:chPref val="1"/>
          <dgm:bulletEnabled val="1"/>
        </dgm:presLayoutVars>
      </dgm:prSet>
      <dgm:spPr/>
    </dgm:pt>
    <dgm:pt modelId="{A44EB4E2-11C7-5841-9AE6-3754C08A64BC}" type="pres">
      <dgm:prSet presAssocID="{D4778BC7-B5EA-E04D-9C80-351C73852264}" presName="ChildText" presStyleLbl="revTx" presStyleIdx="0" presStyleCnt="2">
        <dgm:presLayoutVars>
          <dgm:chMax val="0"/>
          <dgm:chPref val="0"/>
          <dgm:bulletEnabled val="1"/>
        </dgm:presLayoutVars>
      </dgm:prSet>
      <dgm:spPr/>
    </dgm:pt>
    <dgm:pt modelId="{6B8D2D56-1E76-A54B-A121-776E47E94591}" type="pres">
      <dgm:prSet presAssocID="{FC3AF13E-F955-8A42-BE5B-7CAF127EE9B4}" presName="sibTrans" presStyleCnt="0"/>
      <dgm:spPr/>
    </dgm:pt>
    <dgm:pt modelId="{9F6D69EE-B62A-8C44-A2CE-EC8F83A04558}" type="pres">
      <dgm:prSet presAssocID="{557D039A-E981-024C-9EC6-1B0F21D3700E}" presName="composite" presStyleCnt="0"/>
      <dgm:spPr/>
    </dgm:pt>
    <dgm:pt modelId="{702CCDBA-F986-D544-B896-127CE97CE5E5}" type="pres">
      <dgm:prSet presAssocID="{557D039A-E981-024C-9EC6-1B0F21D3700E}" presName="bentUpArrow1" presStyleLbl="alignImgPlace1" presStyleIdx="1" presStyleCnt="2"/>
      <dgm:spPr>
        <a:solidFill>
          <a:schemeClr val="accent3">
            <a:lumMod val="40000"/>
            <a:lumOff val="60000"/>
          </a:schemeClr>
        </a:solidFill>
      </dgm:spPr>
    </dgm:pt>
    <dgm:pt modelId="{00425C24-8CD8-B447-B35E-6F60BA3DFF41}" type="pres">
      <dgm:prSet presAssocID="{557D039A-E981-024C-9EC6-1B0F21D3700E}" presName="ParentText" presStyleLbl="node1" presStyleIdx="1" presStyleCnt="3">
        <dgm:presLayoutVars>
          <dgm:chMax val="1"/>
          <dgm:chPref val="1"/>
          <dgm:bulletEnabled val="1"/>
        </dgm:presLayoutVars>
      </dgm:prSet>
      <dgm:spPr/>
    </dgm:pt>
    <dgm:pt modelId="{5EBACD3A-FA9E-2449-8B23-169974DBBAF8}" type="pres">
      <dgm:prSet presAssocID="{557D039A-E981-024C-9EC6-1B0F21D3700E}" presName="ChildText" presStyleLbl="revTx" presStyleIdx="1" presStyleCnt="2">
        <dgm:presLayoutVars>
          <dgm:chMax val="0"/>
          <dgm:chPref val="0"/>
          <dgm:bulletEnabled val="1"/>
        </dgm:presLayoutVars>
      </dgm:prSet>
      <dgm:spPr/>
    </dgm:pt>
    <dgm:pt modelId="{D7DC4D4E-F49C-0242-A456-BA7C0F8A11C6}" type="pres">
      <dgm:prSet presAssocID="{67F59948-9213-D64E-83DE-6510FA393DA9}" presName="sibTrans" presStyleCnt="0"/>
      <dgm:spPr/>
    </dgm:pt>
    <dgm:pt modelId="{217244AB-AA9D-B944-9FB3-959210598D6A}" type="pres">
      <dgm:prSet presAssocID="{2AA855F3-08C1-C04C-BF89-B183F54A3CC3}" presName="composite" presStyleCnt="0"/>
      <dgm:spPr/>
    </dgm:pt>
    <dgm:pt modelId="{A24B312D-E22D-A141-8B0D-4D9C1F4EB178}" type="pres">
      <dgm:prSet presAssocID="{2AA855F3-08C1-C04C-BF89-B183F54A3CC3}" presName="ParentText" presStyleLbl="node1" presStyleIdx="2" presStyleCnt="3">
        <dgm:presLayoutVars>
          <dgm:chMax val="1"/>
          <dgm:chPref val="1"/>
          <dgm:bulletEnabled val="1"/>
        </dgm:presLayoutVars>
      </dgm:prSet>
      <dgm:spPr/>
    </dgm:pt>
  </dgm:ptLst>
  <dgm:cxnLst>
    <dgm:cxn modelId="{90E9F00A-C2EF-4441-8CC6-EB748BAC162A}" type="presOf" srcId="{2AA855F3-08C1-C04C-BF89-B183F54A3CC3}" destId="{A24B312D-E22D-A141-8B0D-4D9C1F4EB178}" srcOrd="0" destOrd="0" presId="urn:microsoft.com/office/officeart/2005/8/layout/StepDownProcess"/>
    <dgm:cxn modelId="{8246F025-5842-BA41-99A8-14525EF0C0EB}" type="presOf" srcId="{557D039A-E981-024C-9EC6-1B0F21D3700E}" destId="{00425C24-8CD8-B447-B35E-6F60BA3DFF41}" srcOrd="0" destOrd="0" presId="urn:microsoft.com/office/officeart/2005/8/layout/StepDownProcess"/>
    <dgm:cxn modelId="{211BC832-2CFC-9640-A467-C3FB54FE4D4D}" type="presOf" srcId="{D4778BC7-B5EA-E04D-9C80-351C73852264}" destId="{C16B5F5A-A76E-0047-A0B0-64C737A072CC}" srcOrd="0" destOrd="0" presId="urn:microsoft.com/office/officeart/2005/8/layout/StepDownProcess"/>
    <dgm:cxn modelId="{BA97F84B-7E6C-2047-A25C-EBCA8B7A3483}" srcId="{4827FD8A-64B2-7B4F-97DB-C065D6297BED}" destId="{D4778BC7-B5EA-E04D-9C80-351C73852264}" srcOrd="0" destOrd="0" parTransId="{B50E5379-64CF-1641-94A1-1CF39684F903}" sibTransId="{FC3AF13E-F955-8A42-BE5B-7CAF127EE9B4}"/>
    <dgm:cxn modelId="{5089206C-205A-D642-A268-AA42294CBA85}" type="presOf" srcId="{4827FD8A-64B2-7B4F-97DB-C065D6297BED}" destId="{365F9584-6282-F941-82F9-F5B8D8EC2282}" srcOrd="0" destOrd="0" presId="urn:microsoft.com/office/officeart/2005/8/layout/StepDownProcess"/>
    <dgm:cxn modelId="{A2A53FB4-B2A8-FD42-BDDD-8DEE2859A6AE}" srcId="{4827FD8A-64B2-7B4F-97DB-C065D6297BED}" destId="{2AA855F3-08C1-C04C-BF89-B183F54A3CC3}" srcOrd="2" destOrd="0" parTransId="{854A1AB2-BC50-D74F-8ACB-BAFC1BD71B21}" sibTransId="{9C6A4D45-8FE9-6B45-8143-59C5F6C20D50}"/>
    <dgm:cxn modelId="{D32762CD-1372-5F4D-B6BE-81E128F3B1F3}" srcId="{4827FD8A-64B2-7B4F-97DB-C065D6297BED}" destId="{557D039A-E981-024C-9EC6-1B0F21D3700E}" srcOrd="1" destOrd="0" parTransId="{A33B3E1E-4706-2B45-96EB-A0352D05FA1E}" sibTransId="{67F59948-9213-D64E-83DE-6510FA393DA9}"/>
    <dgm:cxn modelId="{26E58FB9-D52C-4C4F-928D-471038D1FDA2}" type="presParOf" srcId="{365F9584-6282-F941-82F9-F5B8D8EC2282}" destId="{5378719F-3185-E643-8B3B-F5EDBF8412CA}" srcOrd="0" destOrd="0" presId="urn:microsoft.com/office/officeart/2005/8/layout/StepDownProcess"/>
    <dgm:cxn modelId="{FA47CF40-298C-9A4A-8CC0-EEB3B351E551}" type="presParOf" srcId="{5378719F-3185-E643-8B3B-F5EDBF8412CA}" destId="{FC13E067-C1BD-FC45-B330-28DE84651938}" srcOrd="0" destOrd="0" presId="urn:microsoft.com/office/officeart/2005/8/layout/StepDownProcess"/>
    <dgm:cxn modelId="{3EA7E535-1701-374E-8F0B-862F932024B8}" type="presParOf" srcId="{5378719F-3185-E643-8B3B-F5EDBF8412CA}" destId="{C16B5F5A-A76E-0047-A0B0-64C737A072CC}" srcOrd="1" destOrd="0" presId="urn:microsoft.com/office/officeart/2005/8/layout/StepDownProcess"/>
    <dgm:cxn modelId="{D5A7A9D7-877D-6C41-B5A6-DB83885641C5}" type="presParOf" srcId="{5378719F-3185-E643-8B3B-F5EDBF8412CA}" destId="{A44EB4E2-11C7-5841-9AE6-3754C08A64BC}" srcOrd="2" destOrd="0" presId="urn:microsoft.com/office/officeart/2005/8/layout/StepDownProcess"/>
    <dgm:cxn modelId="{CE10E5EA-BE0C-4A41-BF1D-4710AE0F328E}" type="presParOf" srcId="{365F9584-6282-F941-82F9-F5B8D8EC2282}" destId="{6B8D2D56-1E76-A54B-A121-776E47E94591}" srcOrd="1" destOrd="0" presId="urn:microsoft.com/office/officeart/2005/8/layout/StepDownProcess"/>
    <dgm:cxn modelId="{A374917C-DE20-2346-AC72-3A91369F4B2B}" type="presParOf" srcId="{365F9584-6282-F941-82F9-F5B8D8EC2282}" destId="{9F6D69EE-B62A-8C44-A2CE-EC8F83A04558}" srcOrd="2" destOrd="0" presId="urn:microsoft.com/office/officeart/2005/8/layout/StepDownProcess"/>
    <dgm:cxn modelId="{F95B0D10-3C46-AF4C-890B-05E301721A76}" type="presParOf" srcId="{9F6D69EE-B62A-8C44-A2CE-EC8F83A04558}" destId="{702CCDBA-F986-D544-B896-127CE97CE5E5}" srcOrd="0" destOrd="0" presId="urn:microsoft.com/office/officeart/2005/8/layout/StepDownProcess"/>
    <dgm:cxn modelId="{EEDDDED2-6C3C-E743-9910-DF3E34A90E1C}" type="presParOf" srcId="{9F6D69EE-B62A-8C44-A2CE-EC8F83A04558}" destId="{00425C24-8CD8-B447-B35E-6F60BA3DFF41}" srcOrd="1" destOrd="0" presId="urn:microsoft.com/office/officeart/2005/8/layout/StepDownProcess"/>
    <dgm:cxn modelId="{051AB059-ADB9-CA41-9E4C-59189F17DBF7}" type="presParOf" srcId="{9F6D69EE-B62A-8C44-A2CE-EC8F83A04558}" destId="{5EBACD3A-FA9E-2449-8B23-169974DBBAF8}" srcOrd="2" destOrd="0" presId="urn:microsoft.com/office/officeart/2005/8/layout/StepDownProcess"/>
    <dgm:cxn modelId="{26649AFB-1863-4E40-9DE9-41880C83A4CC}" type="presParOf" srcId="{365F9584-6282-F941-82F9-F5B8D8EC2282}" destId="{D7DC4D4E-F49C-0242-A456-BA7C0F8A11C6}" srcOrd="3" destOrd="0" presId="urn:microsoft.com/office/officeart/2005/8/layout/StepDownProcess"/>
    <dgm:cxn modelId="{F98F6B99-F95E-4A4F-8975-FCE882680A90}" type="presParOf" srcId="{365F9584-6282-F941-82F9-F5B8D8EC2282}" destId="{217244AB-AA9D-B944-9FB3-959210598D6A}" srcOrd="4" destOrd="0" presId="urn:microsoft.com/office/officeart/2005/8/layout/StepDownProcess"/>
    <dgm:cxn modelId="{F7377928-452E-3041-AB92-6A785C82B845}" type="presParOf" srcId="{217244AB-AA9D-B944-9FB3-959210598D6A}" destId="{A24B312D-E22D-A141-8B0D-4D9C1F4EB178}" srcOrd="0" destOrd="0" presId="urn:microsoft.com/office/officeart/2005/8/layout/StepDownProcess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A83E5FF-86C3-7144-9065-AC4757B6860C}">
      <dsp:nvSpPr>
        <dsp:cNvPr id="0" name=""/>
        <dsp:cNvSpPr/>
      </dsp:nvSpPr>
      <dsp:spPr>
        <a:xfrm>
          <a:off x="3188310" y="2640730"/>
          <a:ext cx="2164129" cy="2164129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605" tIns="14605" rIns="14605" bIns="14605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300" kern="1200"/>
            <a:t>Kvalitetsmål for e-læring</a:t>
          </a:r>
        </a:p>
      </dsp:txBody>
      <dsp:txXfrm>
        <a:off x="3505239" y="2957659"/>
        <a:ext cx="1530271" cy="1530271"/>
      </dsp:txXfrm>
    </dsp:sp>
    <dsp:sp modelId="{62FA14E8-78EE-DD4F-9785-24EF74C94591}">
      <dsp:nvSpPr>
        <dsp:cNvPr id="0" name=""/>
        <dsp:cNvSpPr/>
      </dsp:nvSpPr>
      <dsp:spPr>
        <a:xfrm rot="10800000">
          <a:off x="995333" y="3414406"/>
          <a:ext cx="2072362" cy="616776"/>
        </a:xfrm>
        <a:prstGeom prst="leftArrow">
          <a:avLst>
            <a:gd name="adj1" fmla="val 60000"/>
            <a:gd name="adj2" fmla="val 50000"/>
          </a:avLst>
        </a:prstGeom>
        <a:solidFill>
          <a:schemeClr val="accent3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140FC82-1700-A645-81E4-5184B1936AB2}">
      <dsp:nvSpPr>
        <dsp:cNvPr id="0" name=""/>
        <dsp:cNvSpPr/>
      </dsp:nvSpPr>
      <dsp:spPr>
        <a:xfrm>
          <a:off x="237888" y="3116838"/>
          <a:ext cx="1514890" cy="121191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Absalons  generelle kvalitetspolitik</a:t>
          </a:r>
        </a:p>
      </dsp:txBody>
      <dsp:txXfrm>
        <a:off x="273384" y="3152334"/>
        <a:ext cx="1443898" cy="1140920"/>
      </dsp:txXfrm>
    </dsp:sp>
    <dsp:sp modelId="{CE2AD67A-A978-3D4F-8E45-C9F7CFDF90EE}">
      <dsp:nvSpPr>
        <dsp:cNvPr id="0" name=""/>
        <dsp:cNvSpPr/>
      </dsp:nvSpPr>
      <dsp:spPr>
        <a:xfrm rot="12960000">
          <a:off x="1422917" y="2098437"/>
          <a:ext cx="2072362" cy="616776"/>
        </a:xfrm>
        <a:prstGeom prst="leftArrow">
          <a:avLst>
            <a:gd name="adj1" fmla="val 60000"/>
            <a:gd name="adj2" fmla="val 50000"/>
          </a:avLst>
        </a:prstGeom>
        <a:solidFill>
          <a:schemeClr val="accent3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D836C102-A7CD-9449-887F-D8AB5A6F8153}">
      <dsp:nvSpPr>
        <dsp:cNvPr id="0" name=""/>
        <dsp:cNvSpPr/>
      </dsp:nvSpPr>
      <dsp:spPr>
        <a:xfrm>
          <a:off x="863365" y="1191817"/>
          <a:ext cx="1514890" cy="121191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Koncept for e-læringsudbud</a:t>
          </a:r>
        </a:p>
      </dsp:txBody>
      <dsp:txXfrm>
        <a:off x="898861" y="1227313"/>
        <a:ext cx="1443898" cy="1140920"/>
      </dsp:txXfrm>
    </dsp:sp>
    <dsp:sp modelId="{2B299E70-83AF-2E43-A59E-9990A97D726E}">
      <dsp:nvSpPr>
        <dsp:cNvPr id="0" name=""/>
        <dsp:cNvSpPr/>
      </dsp:nvSpPr>
      <dsp:spPr>
        <a:xfrm rot="15120000">
          <a:off x="2542347" y="1285124"/>
          <a:ext cx="2072362" cy="616776"/>
        </a:xfrm>
        <a:prstGeom prst="leftArrow">
          <a:avLst>
            <a:gd name="adj1" fmla="val 60000"/>
            <a:gd name="adj2" fmla="val 50000"/>
          </a:avLst>
        </a:prstGeom>
        <a:solidFill>
          <a:schemeClr val="accent3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C23541C-1B5A-9A41-9A4E-4DAD900E0AA6}">
      <dsp:nvSpPr>
        <dsp:cNvPr id="0" name=""/>
        <dsp:cNvSpPr/>
      </dsp:nvSpPr>
      <dsp:spPr>
        <a:xfrm>
          <a:off x="2500886" y="2089"/>
          <a:ext cx="1514890" cy="121191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Forventnings-afstemning overfor de studerende</a:t>
          </a:r>
        </a:p>
      </dsp:txBody>
      <dsp:txXfrm>
        <a:off x="2536382" y="37585"/>
        <a:ext cx="1443898" cy="1140920"/>
      </dsp:txXfrm>
    </dsp:sp>
    <dsp:sp modelId="{6B7B2B0A-A08E-574B-9E7A-8F0BE96DA2DA}">
      <dsp:nvSpPr>
        <dsp:cNvPr id="0" name=""/>
        <dsp:cNvSpPr/>
      </dsp:nvSpPr>
      <dsp:spPr>
        <a:xfrm rot="17280000">
          <a:off x="3926039" y="1285124"/>
          <a:ext cx="2072362" cy="616776"/>
        </a:xfrm>
        <a:prstGeom prst="leftArrow">
          <a:avLst>
            <a:gd name="adj1" fmla="val 60000"/>
            <a:gd name="adj2" fmla="val 50000"/>
          </a:avLst>
        </a:prstGeom>
        <a:solidFill>
          <a:schemeClr val="accent3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4EB9852-38CF-A042-A3E1-8AC7CF3615FE}">
      <dsp:nvSpPr>
        <dsp:cNvPr id="0" name=""/>
        <dsp:cNvSpPr/>
      </dsp:nvSpPr>
      <dsp:spPr>
        <a:xfrm>
          <a:off x="4524973" y="2089"/>
          <a:ext cx="1514890" cy="121191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Opmærksomhed på planlægning og struktur</a:t>
          </a:r>
        </a:p>
      </dsp:txBody>
      <dsp:txXfrm>
        <a:off x="4560469" y="37585"/>
        <a:ext cx="1443898" cy="1140920"/>
      </dsp:txXfrm>
    </dsp:sp>
    <dsp:sp modelId="{C4E9F9DD-69D2-694B-B531-810B2E96299F}">
      <dsp:nvSpPr>
        <dsp:cNvPr id="0" name=""/>
        <dsp:cNvSpPr/>
      </dsp:nvSpPr>
      <dsp:spPr>
        <a:xfrm rot="19440000">
          <a:off x="5045469" y="2098437"/>
          <a:ext cx="2072362" cy="616776"/>
        </a:xfrm>
        <a:prstGeom prst="leftArrow">
          <a:avLst>
            <a:gd name="adj1" fmla="val 60000"/>
            <a:gd name="adj2" fmla="val 50000"/>
          </a:avLst>
        </a:prstGeom>
        <a:solidFill>
          <a:schemeClr val="accent3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CE623C8-D548-6B4A-A96F-956A4FC74267}">
      <dsp:nvSpPr>
        <dsp:cNvPr id="0" name=""/>
        <dsp:cNvSpPr/>
      </dsp:nvSpPr>
      <dsp:spPr>
        <a:xfrm>
          <a:off x="6162493" y="1191817"/>
          <a:ext cx="1514890" cy="121191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Digitaliseret studieinformation og support</a:t>
          </a:r>
        </a:p>
      </dsp:txBody>
      <dsp:txXfrm>
        <a:off x="6197989" y="1227313"/>
        <a:ext cx="1443898" cy="1140920"/>
      </dsp:txXfrm>
    </dsp:sp>
    <dsp:sp modelId="{ADD0BBD0-E6E7-1747-9627-58A5AAC7D91D}">
      <dsp:nvSpPr>
        <dsp:cNvPr id="0" name=""/>
        <dsp:cNvSpPr/>
      </dsp:nvSpPr>
      <dsp:spPr>
        <a:xfrm>
          <a:off x="5473053" y="3414406"/>
          <a:ext cx="2072362" cy="616776"/>
        </a:xfrm>
        <a:prstGeom prst="leftArrow">
          <a:avLst>
            <a:gd name="adj1" fmla="val 60000"/>
            <a:gd name="adj2" fmla="val 50000"/>
          </a:avLst>
        </a:prstGeom>
        <a:solidFill>
          <a:schemeClr val="accent3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1C7191F-CE62-0349-9295-5A8C4A368E82}">
      <dsp:nvSpPr>
        <dsp:cNvPr id="0" name=""/>
        <dsp:cNvSpPr/>
      </dsp:nvSpPr>
      <dsp:spPr>
        <a:xfrm>
          <a:off x="6787970" y="3116838"/>
          <a:ext cx="1514890" cy="121191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Undervisernes e-didaktiske og tekniske kompetencer</a:t>
          </a:r>
        </a:p>
      </dsp:txBody>
      <dsp:txXfrm>
        <a:off x="6823466" y="3152334"/>
        <a:ext cx="1443898" cy="114092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C13E067-C1BD-FC45-B330-28DE84651938}">
      <dsp:nvSpPr>
        <dsp:cNvPr id="0" name=""/>
        <dsp:cNvSpPr/>
      </dsp:nvSpPr>
      <dsp:spPr>
        <a:xfrm rot="5400000">
          <a:off x="271775" y="1106089"/>
          <a:ext cx="1016557" cy="115731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16B5F5A-A76E-0047-A0B0-64C737A072CC}">
      <dsp:nvSpPr>
        <dsp:cNvPr id="0" name=""/>
        <dsp:cNvSpPr/>
      </dsp:nvSpPr>
      <dsp:spPr>
        <a:xfrm>
          <a:off x="2449" y="-20785"/>
          <a:ext cx="1711284" cy="1197843"/>
        </a:xfrm>
        <a:prstGeom prst="roundRect">
          <a:avLst>
            <a:gd name="adj" fmla="val 1667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Kompetenceudvikling</a:t>
          </a:r>
        </a:p>
      </dsp:txBody>
      <dsp:txXfrm>
        <a:off x="60933" y="37699"/>
        <a:ext cx="1594316" cy="1080875"/>
      </dsp:txXfrm>
    </dsp:sp>
    <dsp:sp modelId="{A44EB4E2-11C7-5841-9AE6-3754C08A64BC}">
      <dsp:nvSpPr>
        <dsp:cNvPr id="0" name=""/>
        <dsp:cNvSpPr/>
      </dsp:nvSpPr>
      <dsp:spPr>
        <a:xfrm>
          <a:off x="1713734" y="93456"/>
          <a:ext cx="1244625" cy="96814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02CCDBA-F986-D544-B896-127CE97CE5E5}">
      <dsp:nvSpPr>
        <dsp:cNvPr id="0" name=""/>
        <dsp:cNvSpPr/>
      </dsp:nvSpPr>
      <dsp:spPr>
        <a:xfrm rot="5400000">
          <a:off x="1690612" y="2451662"/>
          <a:ext cx="1016557" cy="115731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0425C24-8CD8-B447-B35E-6F60BA3DFF41}">
      <dsp:nvSpPr>
        <dsp:cNvPr id="0" name=""/>
        <dsp:cNvSpPr/>
      </dsp:nvSpPr>
      <dsp:spPr>
        <a:xfrm>
          <a:off x="1421286" y="1324788"/>
          <a:ext cx="1711284" cy="1197843"/>
        </a:xfrm>
        <a:prstGeom prst="roundRect">
          <a:avLst>
            <a:gd name="adj" fmla="val 1667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Eksperimenter med undervisning og design</a:t>
          </a:r>
        </a:p>
      </dsp:txBody>
      <dsp:txXfrm>
        <a:off x="1479770" y="1383272"/>
        <a:ext cx="1594316" cy="1080875"/>
      </dsp:txXfrm>
    </dsp:sp>
    <dsp:sp modelId="{5EBACD3A-FA9E-2449-8B23-169974DBBAF8}">
      <dsp:nvSpPr>
        <dsp:cNvPr id="0" name=""/>
        <dsp:cNvSpPr/>
      </dsp:nvSpPr>
      <dsp:spPr>
        <a:xfrm>
          <a:off x="3132570" y="1439029"/>
          <a:ext cx="1244625" cy="96814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24B312D-E22D-A141-8B0D-4D9C1F4EB178}">
      <dsp:nvSpPr>
        <dsp:cNvPr id="0" name=""/>
        <dsp:cNvSpPr/>
      </dsp:nvSpPr>
      <dsp:spPr>
        <a:xfrm>
          <a:off x="2840122" y="2670361"/>
          <a:ext cx="1711284" cy="1197843"/>
        </a:xfrm>
        <a:prstGeom prst="roundRect">
          <a:avLst>
            <a:gd name="adj" fmla="val 1667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Principper for tilrettelæggelse og gennemførelse af undervisningen</a:t>
          </a:r>
        </a:p>
      </dsp:txBody>
      <dsp:txXfrm>
        <a:off x="2898606" y="2728845"/>
        <a:ext cx="1594316" cy="1080875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C13E067-C1BD-FC45-B330-28DE84651938}">
      <dsp:nvSpPr>
        <dsp:cNvPr id="0" name=""/>
        <dsp:cNvSpPr/>
      </dsp:nvSpPr>
      <dsp:spPr>
        <a:xfrm rot="5400000">
          <a:off x="271775" y="1106089"/>
          <a:ext cx="1016557" cy="115731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3">
            <a:lumMod val="40000"/>
            <a:lumOff val="6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16B5F5A-A76E-0047-A0B0-64C737A072CC}">
      <dsp:nvSpPr>
        <dsp:cNvPr id="0" name=""/>
        <dsp:cNvSpPr/>
      </dsp:nvSpPr>
      <dsp:spPr>
        <a:xfrm>
          <a:off x="2449" y="-20785"/>
          <a:ext cx="1711284" cy="1197843"/>
        </a:xfrm>
        <a:prstGeom prst="roundRect">
          <a:avLst>
            <a:gd name="adj" fmla="val 16670"/>
          </a:avLst>
        </a:prstGeom>
        <a:solidFill>
          <a:schemeClr val="accent3">
            <a:lumMod val="75000"/>
          </a:schemeClr>
        </a:solid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Principper for uddannelserne</a:t>
          </a:r>
        </a:p>
      </dsp:txBody>
      <dsp:txXfrm>
        <a:off x="60933" y="37699"/>
        <a:ext cx="1594316" cy="1080875"/>
      </dsp:txXfrm>
    </dsp:sp>
    <dsp:sp modelId="{A44EB4E2-11C7-5841-9AE6-3754C08A64BC}">
      <dsp:nvSpPr>
        <dsp:cNvPr id="0" name=""/>
        <dsp:cNvSpPr/>
      </dsp:nvSpPr>
      <dsp:spPr>
        <a:xfrm>
          <a:off x="1713734" y="93456"/>
          <a:ext cx="1244625" cy="96814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02CCDBA-F986-D544-B896-127CE97CE5E5}">
      <dsp:nvSpPr>
        <dsp:cNvPr id="0" name=""/>
        <dsp:cNvSpPr/>
      </dsp:nvSpPr>
      <dsp:spPr>
        <a:xfrm rot="5400000">
          <a:off x="1690612" y="2451662"/>
          <a:ext cx="1016557" cy="1157314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accent3">
            <a:lumMod val="40000"/>
            <a:lumOff val="6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0425C24-8CD8-B447-B35E-6F60BA3DFF41}">
      <dsp:nvSpPr>
        <dsp:cNvPr id="0" name=""/>
        <dsp:cNvSpPr/>
      </dsp:nvSpPr>
      <dsp:spPr>
        <a:xfrm>
          <a:off x="1421286" y="1324788"/>
          <a:ext cx="1711284" cy="1197843"/>
        </a:xfrm>
        <a:prstGeom prst="roundRect">
          <a:avLst>
            <a:gd name="adj" fmla="val 16670"/>
          </a:avLst>
        </a:prstGeom>
        <a:solidFill>
          <a:schemeClr val="accent3">
            <a:lumMod val="75000"/>
          </a:schemeClr>
        </a:solid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Design af uddannelser og forløb</a:t>
          </a:r>
        </a:p>
      </dsp:txBody>
      <dsp:txXfrm>
        <a:off x="1479770" y="1383272"/>
        <a:ext cx="1594316" cy="1080875"/>
      </dsp:txXfrm>
    </dsp:sp>
    <dsp:sp modelId="{5EBACD3A-FA9E-2449-8B23-169974DBBAF8}">
      <dsp:nvSpPr>
        <dsp:cNvPr id="0" name=""/>
        <dsp:cNvSpPr/>
      </dsp:nvSpPr>
      <dsp:spPr>
        <a:xfrm>
          <a:off x="3132570" y="1439029"/>
          <a:ext cx="1244625" cy="96814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24B312D-E22D-A141-8B0D-4D9C1F4EB178}">
      <dsp:nvSpPr>
        <dsp:cNvPr id="0" name=""/>
        <dsp:cNvSpPr/>
      </dsp:nvSpPr>
      <dsp:spPr>
        <a:xfrm>
          <a:off x="2840122" y="2670361"/>
          <a:ext cx="1711284" cy="1197843"/>
        </a:xfrm>
        <a:prstGeom prst="roundRect">
          <a:avLst>
            <a:gd name="adj" fmla="val 16670"/>
          </a:avLst>
        </a:prstGeom>
        <a:solidFill>
          <a:schemeClr val="accent3">
            <a:lumMod val="75000"/>
          </a:schemeClr>
        </a:solidFill>
        <a:ln w="12700" cap="flat" cmpd="sng" algn="ctr">
          <a:solidFill>
            <a:schemeClr val="accent3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Kompetenceudvikling m.v. </a:t>
          </a:r>
        </a:p>
      </dsp:txBody>
      <dsp:txXfrm>
        <a:off x="2898606" y="2728845"/>
        <a:ext cx="1594316" cy="108087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StepDownProcess">
  <dgm:title val=""/>
  <dgm:desc val=""/>
  <dgm:catLst>
    <dgm:cat type="process" pri="16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60" srcId="0" destId="10" srcOrd="0" destOrd="0"/>
        <dgm:cxn modelId="12" srcId="10" destId="11" srcOrd="0" destOrd="0"/>
        <dgm:cxn modelId="70" srcId="0" destId="20" srcOrd="1" destOrd="0"/>
        <dgm:cxn modelId="22" srcId="20" destId="21" srcOrd="0" destOrd="0"/>
        <dgm:cxn modelId="8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t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t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hoose name="Name3">
      <dgm:if name="Name4" func="var" arg="dir" op="equ" val="norm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if>
      <dgm:else name="Name5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else>
    </dgm:choose>
    <dgm:forEach name="nodesForEach" axis="ch" ptType="node">
      <dgm:layoutNode name="composite">
        <dgm:alg type="composite">
          <dgm:param type="ar" val="1.2439"/>
        </dgm:alg>
        <dgm:shape xmlns:r="http://schemas.openxmlformats.org/officeDocument/2006/relationships" r:blip="">
          <dgm:adjLst/>
        </dgm:shape>
        <dgm:choose name="Name6">
          <dgm:if name="Name7" func="var" arg="dir" op="equ" val="norm">
            <dgm:constrLst>
              <dgm:constr type="l" for="ch" forName="bentUpArrow1" refType="w" fact="0.0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refFor="ch" refForName="ParentText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refFor="ch" refForName="ParentText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if>
          <dgm:else name="Name8">
            <dgm:constrLst>
              <dgm:constr type="r" for="ch" forName="bentUpArrow1" refType="w" fact="0.9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.4316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fact="0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fact="0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else>
        </dgm:choose>
        <dgm:choose name="Name9">
          <dgm:if name="Name10" axis="followSib" ptType="node" func="cnt" op="gte" val="1">
            <dgm:layoutNode name="bentUpArrow1" styleLbl="alignImgPlace1">
              <dgm:alg type="sp"/>
              <dgm:choose name="Name11">
                <dgm:if name="Name12" func="var" arg="dir" op="equ" val="norm">
                  <dgm:shape xmlns:r="http://schemas.openxmlformats.org/officeDocument/2006/relationships" rot="90" type="bentUpArrow" r:blip="">
                    <dgm:adjLst>
                      <dgm:adj idx="1" val="0.3284"/>
                      <dgm:adj idx="2" val="0.25"/>
                      <dgm:adj idx="3" val="0.3578"/>
                    </dgm:adjLst>
                  </dgm:shape>
                </dgm:if>
                <dgm:else name="Name13">
                  <dgm:shape xmlns:r="http://schemas.openxmlformats.org/officeDocument/2006/relationships" rot="180" type="bentArrow" r:blip="">
                    <dgm:adjLst>
                      <dgm:adj idx="1" val="0.3284"/>
                      <dgm:adj idx="2" val="0.25"/>
                      <dgm:adj idx="3" val="0.3578"/>
                      <dgm:adj idx="4" val="0"/>
                    </dgm:adjLst>
                  </dgm:shape>
                </dgm:else>
              </dgm:choose>
              <dgm:presOf/>
            </dgm:layoutNode>
          </dgm:if>
          <dgm:else name="Name14"/>
        </dgm:choose>
        <dgm:layoutNode name="ParentText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66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15">
          <dgm:if name="Name16" axis="followSib" ptType="node" func="cnt" op="equ" val="0">
            <dgm:choose name="Name17">
              <dgm:if name="Name18" axis="ch" ptType="node" func="cnt" op="gte" val="1">
                <dgm:layoutNode name="FinalChildText" styleLbl="revTx">
                  <dgm:varLst>
                    <dgm:chMax val="0"/>
                    <dgm:chPref val="0"/>
                    <dgm:bulletEnabled val="1"/>
                  </dgm:varLst>
                  <dgm:alg type="tx">
                    <dgm:param type="stBulletLvl" val="1"/>
                    <dgm:param type="txAnchorVertCh" val="mid"/>
                    <dgm:param type="parTxLTRAlign" val="l"/>
                  </dgm:alg>
                  <dgm:shape xmlns:r="http://schemas.openxmlformats.org/officeDocument/2006/relationships" type="rect" r:blip="">
                    <dgm:adjLst/>
                  </dgm:shape>
                  <dgm:presOf axis="des" ptType="node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9"/>
            </dgm:choose>
          </dgm:if>
          <dgm:else name="Name20">
            <dgm:layoutNode name="ChildText" styleLbl="revTx">
              <dgm:varLst>
                <dgm:chMax val="0"/>
                <dgm:chPref val="0"/>
                <dgm:bulletEnabled val="1"/>
              </dgm:varLst>
              <dgm:alg type="tx">
                <dgm:param type="stBulletLvl" val="1"/>
                <dgm:param type="txAnchorVertCh" val="mid"/>
                <dgm:param type="parTxLTRAlign" val="l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else>
        </dgm:choos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StepDownProcess">
  <dgm:title val=""/>
  <dgm:desc val=""/>
  <dgm:catLst>
    <dgm:cat type="process" pri="16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60" srcId="0" destId="10" srcOrd="0" destOrd="0"/>
        <dgm:cxn modelId="12" srcId="10" destId="11" srcOrd="0" destOrd="0"/>
        <dgm:cxn modelId="70" srcId="0" destId="20" srcOrd="1" destOrd="0"/>
        <dgm:cxn modelId="22" srcId="20" destId="21" srcOrd="0" destOrd="0"/>
        <dgm:cxn modelId="8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t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t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hoose name="Name3">
      <dgm:if name="Name4" func="var" arg="dir" op="equ" val="norm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if>
      <dgm:else name="Name5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else>
    </dgm:choose>
    <dgm:forEach name="nodesForEach" axis="ch" ptType="node">
      <dgm:layoutNode name="composite">
        <dgm:alg type="composite">
          <dgm:param type="ar" val="1.2439"/>
        </dgm:alg>
        <dgm:shape xmlns:r="http://schemas.openxmlformats.org/officeDocument/2006/relationships" r:blip="">
          <dgm:adjLst/>
        </dgm:shape>
        <dgm:choose name="Name6">
          <dgm:if name="Name7" func="var" arg="dir" op="equ" val="norm">
            <dgm:constrLst>
              <dgm:constr type="l" for="ch" forName="bentUpArrow1" refType="w" fact="0.0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refFor="ch" refForName="ParentText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refFor="ch" refForName="ParentText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if>
          <dgm:else name="Name8">
            <dgm:constrLst>
              <dgm:constr type="r" for="ch" forName="bentUpArrow1" refType="w" fact="0.9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.4316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fact="0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fact="0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else>
        </dgm:choose>
        <dgm:choose name="Name9">
          <dgm:if name="Name10" axis="followSib" ptType="node" func="cnt" op="gte" val="1">
            <dgm:layoutNode name="bentUpArrow1" styleLbl="alignImgPlace1">
              <dgm:alg type="sp"/>
              <dgm:choose name="Name11">
                <dgm:if name="Name12" func="var" arg="dir" op="equ" val="norm">
                  <dgm:shape xmlns:r="http://schemas.openxmlformats.org/officeDocument/2006/relationships" rot="90" type="bentUpArrow" r:blip="">
                    <dgm:adjLst>
                      <dgm:adj idx="1" val="0.3284"/>
                      <dgm:adj idx="2" val="0.25"/>
                      <dgm:adj idx="3" val="0.3578"/>
                    </dgm:adjLst>
                  </dgm:shape>
                </dgm:if>
                <dgm:else name="Name13">
                  <dgm:shape xmlns:r="http://schemas.openxmlformats.org/officeDocument/2006/relationships" rot="180" type="bentArrow" r:blip="">
                    <dgm:adjLst>
                      <dgm:adj idx="1" val="0.3284"/>
                      <dgm:adj idx="2" val="0.25"/>
                      <dgm:adj idx="3" val="0.3578"/>
                      <dgm:adj idx="4" val="0"/>
                    </dgm:adjLst>
                  </dgm:shape>
                </dgm:else>
              </dgm:choose>
              <dgm:presOf/>
            </dgm:layoutNode>
          </dgm:if>
          <dgm:else name="Name14"/>
        </dgm:choose>
        <dgm:layoutNode name="ParentText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66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15">
          <dgm:if name="Name16" axis="followSib" ptType="node" func="cnt" op="equ" val="0">
            <dgm:choose name="Name17">
              <dgm:if name="Name18" axis="ch" ptType="node" func="cnt" op="gte" val="1">
                <dgm:layoutNode name="FinalChildText" styleLbl="revTx">
                  <dgm:varLst>
                    <dgm:chMax val="0"/>
                    <dgm:chPref val="0"/>
                    <dgm:bulletEnabled val="1"/>
                  </dgm:varLst>
                  <dgm:alg type="tx">
                    <dgm:param type="stBulletLvl" val="1"/>
                    <dgm:param type="txAnchorVertCh" val="mid"/>
                    <dgm:param type="parTxLTRAlign" val="l"/>
                  </dgm:alg>
                  <dgm:shape xmlns:r="http://schemas.openxmlformats.org/officeDocument/2006/relationships" type="rect" r:blip="">
                    <dgm:adjLst/>
                  </dgm:shape>
                  <dgm:presOf axis="des" ptType="node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9"/>
            </dgm:choose>
          </dgm:if>
          <dgm:else name="Name20">
            <dgm:layoutNode name="ChildText" styleLbl="revTx">
              <dgm:varLst>
                <dgm:chMax val="0"/>
                <dgm:chPref val="0"/>
                <dgm:bulletEnabled val="1"/>
              </dgm:varLst>
              <dgm:alg type="tx">
                <dgm:param type="stBulletLvl" val="1"/>
                <dgm:param type="txAnchorVertCh" val="mid"/>
                <dgm:param type="parTxLTRAlign" val="l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else>
        </dgm:choos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9/12/2018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86E511-D742-4EFE-90B5-C9FC42762E0F}" type="datetimeFigureOut">
              <a:rPr lang="en-GB" smtClean="0"/>
              <a:t>09/12/2018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6CFAD1-D197-4A88-B173-A6412E995EE5}" type="slidenum">
              <a:rPr lang="en-GB" smtClean="0"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9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" name="Shape 194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195" name="Shape 195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8604548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pgjort ekskl. meritlærer og meritpædagog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59901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8363025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53090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50002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-lærings – en sammenhængende</a:t>
            </a:r>
            <a:r>
              <a:rPr lang="da-DK" baseline="0" dirty="0"/>
              <a:t> uddannelse - de studerende i centrum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588216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NULL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 (A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ød baggrund"/>
          <p:cNvSpPr/>
          <p:nvPr userDrawn="1"/>
        </p:nvSpPr>
        <p:spPr>
          <a:xfrm>
            <a:off x="2699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</p:spPr>
        <p:txBody>
          <a:bodyPr anchor="b"/>
          <a:lstStyle>
            <a:lvl1pPr algn="l">
              <a:defRPr sz="4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55650" y="5510785"/>
            <a:ext cx="4563482" cy="391432"/>
          </a:xfrm>
        </p:spPr>
        <p:txBody>
          <a:bodyPr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5535483" y="5539239"/>
            <a:ext cx="2448000" cy="1324800"/>
          </a:xfrm>
          <a:custGeom>
            <a:avLst/>
            <a:gdLst>
              <a:gd name="connsiteX0" fmla="*/ 323860 w 2448000"/>
              <a:gd name="connsiteY0" fmla="*/ 0 h 1324800"/>
              <a:gd name="connsiteX1" fmla="*/ 328009 w 2448000"/>
              <a:gd name="connsiteY1" fmla="*/ 0 h 1324800"/>
              <a:gd name="connsiteX2" fmla="*/ 357050 w 2448000"/>
              <a:gd name="connsiteY2" fmla="*/ 0 h 1324800"/>
              <a:gd name="connsiteX3" fmla="*/ 388684 w 2448000"/>
              <a:gd name="connsiteY3" fmla="*/ 0 h 1324800"/>
              <a:gd name="connsiteX4" fmla="*/ 435875 w 2448000"/>
              <a:gd name="connsiteY4" fmla="*/ 0 h 1324800"/>
              <a:gd name="connsiteX5" fmla="*/ 501736 w 2448000"/>
              <a:gd name="connsiteY5" fmla="*/ 0 h 1324800"/>
              <a:gd name="connsiteX6" fmla="*/ 589378 w 2448000"/>
              <a:gd name="connsiteY6" fmla="*/ 0 h 1324800"/>
              <a:gd name="connsiteX7" fmla="*/ 701912 w 2448000"/>
              <a:gd name="connsiteY7" fmla="*/ 0 h 1324800"/>
              <a:gd name="connsiteX8" fmla="*/ 842449 w 2448000"/>
              <a:gd name="connsiteY8" fmla="*/ 0 h 1324800"/>
              <a:gd name="connsiteX9" fmla="*/ 1014102 w 2448000"/>
              <a:gd name="connsiteY9" fmla="*/ 0 h 1324800"/>
              <a:gd name="connsiteX10" fmla="*/ 1219982 w 2448000"/>
              <a:gd name="connsiteY10" fmla="*/ 0 h 1324800"/>
              <a:gd name="connsiteX11" fmla="*/ 1463200 w 2448000"/>
              <a:gd name="connsiteY11" fmla="*/ 0 h 1324800"/>
              <a:gd name="connsiteX12" fmla="*/ 1746868 w 2448000"/>
              <a:gd name="connsiteY12" fmla="*/ 0 h 1324800"/>
              <a:gd name="connsiteX13" fmla="*/ 2074098 w 2448000"/>
              <a:gd name="connsiteY13" fmla="*/ 0 h 1324800"/>
              <a:gd name="connsiteX14" fmla="*/ 2448000 w 2448000"/>
              <a:gd name="connsiteY14" fmla="*/ 0 h 1324800"/>
              <a:gd name="connsiteX15" fmla="*/ 2448000 w 2448000"/>
              <a:gd name="connsiteY15" fmla="*/ 2591 h 1324800"/>
              <a:gd name="connsiteX16" fmla="*/ 2448000 w 2448000"/>
              <a:gd name="connsiteY16" fmla="*/ 8743 h 1324800"/>
              <a:gd name="connsiteX17" fmla="*/ 2448000 w 2448000"/>
              <a:gd name="connsiteY17" fmla="*/ 20725 h 1324800"/>
              <a:gd name="connsiteX18" fmla="*/ 2448000 w 2448000"/>
              <a:gd name="connsiteY18" fmla="*/ 40478 h 1324800"/>
              <a:gd name="connsiteX19" fmla="*/ 2448000 w 2448000"/>
              <a:gd name="connsiteY19" fmla="*/ 69946 h 1324800"/>
              <a:gd name="connsiteX20" fmla="*/ 2448000 w 2448000"/>
              <a:gd name="connsiteY20" fmla="*/ 111072 h 1324800"/>
              <a:gd name="connsiteX21" fmla="*/ 2448000 w 2448000"/>
              <a:gd name="connsiteY21" fmla="*/ 165799 h 1324800"/>
              <a:gd name="connsiteX22" fmla="*/ 2448000 w 2448000"/>
              <a:gd name="connsiteY22" fmla="*/ 236069 h 1324800"/>
              <a:gd name="connsiteX23" fmla="*/ 2448000 w 2448000"/>
              <a:gd name="connsiteY23" fmla="*/ 323825 h 1324800"/>
              <a:gd name="connsiteX24" fmla="*/ 2448000 w 2448000"/>
              <a:gd name="connsiteY24" fmla="*/ 431011 h 1324800"/>
              <a:gd name="connsiteX25" fmla="*/ 2448000 w 2448000"/>
              <a:gd name="connsiteY25" fmla="*/ 559570 h 1324800"/>
              <a:gd name="connsiteX26" fmla="*/ 2448000 w 2448000"/>
              <a:gd name="connsiteY26" fmla="*/ 711444 h 1324800"/>
              <a:gd name="connsiteX27" fmla="*/ 2448000 w 2448000"/>
              <a:gd name="connsiteY27" fmla="*/ 888576 h 1324800"/>
              <a:gd name="connsiteX28" fmla="*/ 2448000 w 2448000"/>
              <a:gd name="connsiteY28" fmla="*/ 1092909 h 1324800"/>
              <a:gd name="connsiteX29" fmla="*/ 2448000 w 2448000"/>
              <a:gd name="connsiteY29" fmla="*/ 1205884 h 1324800"/>
              <a:gd name="connsiteX30" fmla="*/ 2448000 w 2448000"/>
              <a:gd name="connsiteY30" fmla="*/ 1324800 h 1324800"/>
              <a:gd name="connsiteX31" fmla="*/ 0 w 2448000"/>
              <a:gd name="connsiteY31" fmla="*/ 1324800 h 1324800"/>
              <a:gd name="connsiteX32" fmla="*/ 0 w 2448000"/>
              <a:gd name="connsiteY32" fmla="*/ 1324438 h 1324800"/>
              <a:gd name="connsiteX33" fmla="*/ 0 w 2448000"/>
              <a:gd name="connsiteY33" fmla="*/ 1310794 h 1324800"/>
              <a:gd name="connsiteX34" fmla="*/ 0 w 2448000"/>
              <a:gd name="connsiteY34" fmla="*/ 1295931 h 1324800"/>
              <a:gd name="connsiteX35" fmla="*/ 0 w 2448000"/>
              <a:gd name="connsiteY35" fmla="*/ 1273759 h 1324800"/>
              <a:gd name="connsiteX36" fmla="*/ 0 w 2448000"/>
              <a:gd name="connsiteY36" fmla="*/ 1242816 h 1324800"/>
              <a:gd name="connsiteX37" fmla="*/ 0 w 2448000"/>
              <a:gd name="connsiteY37" fmla="*/ 1201640 h 1324800"/>
              <a:gd name="connsiteX38" fmla="*/ 0 w 2448000"/>
              <a:gd name="connsiteY38" fmla="*/ 1148768 h 1324800"/>
              <a:gd name="connsiteX39" fmla="*/ 0 w 2448000"/>
              <a:gd name="connsiteY39" fmla="*/ 1082740 h 1324800"/>
              <a:gd name="connsiteX40" fmla="*/ 0 w 2448000"/>
              <a:gd name="connsiteY40" fmla="*/ 1002093 h 1324800"/>
              <a:gd name="connsiteX41" fmla="*/ 0 w 2448000"/>
              <a:gd name="connsiteY41" fmla="*/ 905365 h 1324800"/>
              <a:gd name="connsiteX42" fmla="*/ 0 w 2448000"/>
              <a:gd name="connsiteY42" fmla="*/ 791094 h 1324800"/>
              <a:gd name="connsiteX43" fmla="*/ 0 w 2448000"/>
              <a:gd name="connsiteY43" fmla="*/ 657819 h 1324800"/>
              <a:gd name="connsiteX44" fmla="*/ 0 w 2448000"/>
              <a:gd name="connsiteY44" fmla="*/ 504078 h 1324800"/>
              <a:gd name="connsiteX45" fmla="*/ 0 w 2448000"/>
              <a:gd name="connsiteY45" fmla="*/ 328408 h 1324800"/>
              <a:gd name="connsiteX46" fmla="*/ 323860 w 2448000"/>
              <a:gd name="connsiteY46" fmla="*/ 0 h 1324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2448000" h="1324800">
                <a:moveTo>
                  <a:pt x="323860" y="0"/>
                </a:moveTo>
                <a:lnTo>
                  <a:pt x="328009" y="0"/>
                </a:lnTo>
                <a:lnTo>
                  <a:pt x="357050" y="0"/>
                </a:lnTo>
                <a:lnTo>
                  <a:pt x="388684" y="0"/>
                </a:lnTo>
                <a:lnTo>
                  <a:pt x="435875" y="0"/>
                </a:lnTo>
                <a:lnTo>
                  <a:pt x="501736" y="0"/>
                </a:lnTo>
                <a:lnTo>
                  <a:pt x="589378" y="0"/>
                </a:lnTo>
                <a:lnTo>
                  <a:pt x="701912" y="0"/>
                </a:lnTo>
                <a:lnTo>
                  <a:pt x="842449" y="0"/>
                </a:lnTo>
                <a:lnTo>
                  <a:pt x="1014102" y="0"/>
                </a:lnTo>
                <a:lnTo>
                  <a:pt x="1219982" y="0"/>
                </a:lnTo>
                <a:lnTo>
                  <a:pt x="1463200" y="0"/>
                </a:lnTo>
                <a:lnTo>
                  <a:pt x="1746868" y="0"/>
                </a:lnTo>
                <a:lnTo>
                  <a:pt x="2074098" y="0"/>
                </a:lnTo>
                <a:lnTo>
                  <a:pt x="2448000" y="0"/>
                </a:lnTo>
                <a:lnTo>
                  <a:pt x="2448000" y="2591"/>
                </a:lnTo>
                <a:lnTo>
                  <a:pt x="2448000" y="8743"/>
                </a:lnTo>
                <a:lnTo>
                  <a:pt x="2448000" y="20725"/>
                </a:lnTo>
                <a:lnTo>
                  <a:pt x="2448000" y="40478"/>
                </a:lnTo>
                <a:lnTo>
                  <a:pt x="2448000" y="69946"/>
                </a:lnTo>
                <a:lnTo>
                  <a:pt x="2448000" y="111072"/>
                </a:lnTo>
                <a:lnTo>
                  <a:pt x="2448000" y="165799"/>
                </a:lnTo>
                <a:lnTo>
                  <a:pt x="2448000" y="236069"/>
                </a:lnTo>
                <a:lnTo>
                  <a:pt x="2448000" y="323825"/>
                </a:lnTo>
                <a:lnTo>
                  <a:pt x="2448000" y="431011"/>
                </a:lnTo>
                <a:lnTo>
                  <a:pt x="2448000" y="559570"/>
                </a:lnTo>
                <a:lnTo>
                  <a:pt x="2448000" y="711444"/>
                </a:lnTo>
                <a:lnTo>
                  <a:pt x="2448000" y="888576"/>
                </a:lnTo>
                <a:lnTo>
                  <a:pt x="2448000" y="1092909"/>
                </a:lnTo>
                <a:lnTo>
                  <a:pt x="2448000" y="1205884"/>
                </a:lnTo>
                <a:lnTo>
                  <a:pt x="2448000" y="1324800"/>
                </a:lnTo>
                <a:lnTo>
                  <a:pt x="0" y="1324800"/>
                </a:lnTo>
                <a:lnTo>
                  <a:pt x="0" y="1324438"/>
                </a:lnTo>
                <a:lnTo>
                  <a:pt x="0" y="1310794"/>
                </a:lnTo>
                <a:lnTo>
                  <a:pt x="0" y="1295931"/>
                </a:lnTo>
                <a:lnTo>
                  <a:pt x="0" y="1273759"/>
                </a:lnTo>
                <a:lnTo>
                  <a:pt x="0" y="1242816"/>
                </a:lnTo>
                <a:lnTo>
                  <a:pt x="0" y="1201640"/>
                </a:lnTo>
                <a:lnTo>
                  <a:pt x="0" y="1148768"/>
                </a:lnTo>
                <a:lnTo>
                  <a:pt x="0" y="1082740"/>
                </a:lnTo>
                <a:lnTo>
                  <a:pt x="0" y="1002093"/>
                </a:lnTo>
                <a:lnTo>
                  <a:pt x="0" y="905365"/>
                </a:lnTo>
                <a:lnTo>
                  <a:pt x="0" y="791094"/>
                </a:lnTo>
                <a:lnTo>
                  <a:pt x="0" y="657819"/>
                </a:lnTo>
                <a:lnTo>
                  <a:pt x="0" y="504078"/>
                </a:lnTo>
                <a:lnTo>
                  <a:pt x="0" y="328408"/>
                </a:lnTo>
                <a:cubicBezTo>
                  <a:pt x="127004" y="200871"/>
                  <a:pt x="196856" y="127537"/>
                  <a:pt x="323860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wrap="square" tIns="0" bIns="36000" anchor="b" anchorCtr="0">
            <a:noAutofit/>
          </a:bodyPr>
          <a:lstStyle>
            <a:lvl1pPr marL="0" indent="0" algn="ctr">
              <a:buFontTx/>
              <a:buNone/>
              <a:defRPr sz="1400">
                <a:solidFill>
                  <a:schemeClr val="bg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4" hasCustomPrompt="1"/>
          </p:nvPr>
        </p:nvSpPr>
        <p:spPr>
          <a:xfrm>
            <a:off x="8199472" y="2872800"/>
            <a:ext cx="2448000" cy="2448000"/>
          </a:xfrm>
          <a:noFill/>
          <a:ln>
            <a:noFill/>
          </a:ln>
        </p:spPr>
        <p:txBody>
          <a:bodyPr tIns="180000" anchor="t" anchorCtr="0"/>
          <a:lstStyle>
            <a:lvl1pPr marL="0" indent="0" algn="ctr">
              <a:buNone/>
              <a:defRPr sz="1600">
                <a:solidFill>
                  <a:schemeClr val="bg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27" name="Bogstav A"/>
          <p:cNvSpPr/>
          <p:nvPr userDrawn="1"/>
        </p:nvSpPr>
        <p:spPr>
          <a:xfrm>
            <a:off x="10868302" y="2872800"/>
            <a:ext cx="1323997" cy="2448000"/>
          </a:xfrm>
          <a:custGeom>
            <a:avLst/>
            <a:gdLst>
              <a:gd name="connsiteX0" fmla="*/ 327817 w 1323997"/>
              <a:gd name="connsiteY0" fmla="*/ 0 h 2448000"/>
              <a:gd name="connsiteX1" fmla="*/ 329762 w 1323997"/>
              <a:gd name="connsiteY1" fmla="*/ 0 h 2448000"/>
              <a:gd name="connsiteX2" fmla="*/ 343382 w 1323997"/>
              <a:gd name="connsiteY2" fmla="*/ 0 h 2448000"/>
              <a:gd name="connsiteX3" fmla="*/ 358218 w 1323997"/>
              <a:gd name="connsiteY3" fmla="*/ 0 h 2448000"/>
              <a:gd name="connsiteX4" fmla="*/ 380350 w 1323997"/>
              <a:gd name="connsiteY4" fmla="*/ 0 h 2448000"/>
              <a:gd name="connsiteX5" fmla="*/ 411237 w 1323997"/>
              <a:gd name="connsiteY5" fmla="*/ 0 h 2448000"/>
              <a:gd name="connsiteX6" fmla="*/ 452339 w 1323997"/>
              <a:gd name="connsiteY6" fmla="*/ 0 h 2448000"/>
              <a:gd name="connsiteX7" fmla="*/ 505115 w 1323997"/>
              <a:gd name="connsiteY7" fmla="*/ 0 h 2448000"/>
              <a:gd name="connsiteX8" fmla="*/ 571025 w 1323997"/>
              <a:gd name="connsiteY8" fmla="*/ 0 h 2448000"/>
              <a:gd name="connsiteX9" fmla="*/ 651527 w 1323997"/>
              <a:gd name="connsiteY9" fmla="*/ 0 h 2448000"/>
              <a:gd name="connsiteX10" fmla="*/ 748080 w 1323997"/>
              <a:gd name="connsiteY10" fmla="*/ 0 h 2448000"/>
              <a:gd name="connsiteX11" fmla="*/ 862145 w 1323997"/>
              <a:gd name="connsiteY11" fmla="*/ 0 h 2448000"/>
              <a:gd name="connsiteX12" fmla="*/ 995180 w 1323997"/>
              <a:gd name="connsiteY12" fmla="*/ 0 h 2448000"/>
              <a:gd name="connsiteX13" fmla="*/ 1148644 w 1323997"/>
              <a:gd name="connsiteY13" fmla="*/ 0 h 2448000"/>
              <a:gd name="connsiteX14" fmla="*/ 1323997 w 1323997"/>
              <a:gd name="connsiteY14" fmla="*/ 0 h 2448000"/>
              <a:gd name="connsiteX15" fmla="*/ 1323997 w 1323997"/>
              <a:gd name="connsiteY15" fmla="*/ 612794 h 2448000"/>
              <a:gd name="connsiteX16" fmla="*/ 900700 w 1323997"/>
              <a:gd name="connsiteY16" fmla="*/ 612794 h 2448000"/>
              <a:gd name="connsiteX17" fmla="*/ 900700 w 1323997"/>
              <a:gd name="connsiteY17" fmla="*/ 1225588 h 2448000"/>
              <a:gd name="connsiteX18" fmla="*/ 1323997 w 1323997"/>
              <a:gd name="connsiteY18" fmla="*/ 1225588 h 2448000"/>
              <a:gd name="connsiteX19" fmla="*/ 1323997 w 1323997"/>
              <a:gd name="connsiteY19" fmla="*/ 1835206 h 2448000"/>
              <a:gd name="connsiteX20" fmla="*/ 900700 w 1323997"/>
              <a:gd name="connsiteY20" fmla="*/ 1835206 h 2448000"/>
              <a:gd name="connsiteX21" fmla="*/ 900700 w 1323997"/>
              <a:gd name="connsiteY21" fmla="*/ 2448000 h 2448000"/>
              <a:gd name="connsiteX22" fmla="*/ 898941 w 1323997"/>
              <a:gd name="connsiteY22" fmla="*/ 2448000 h 2448000"/>
              <a:gd name="connsiteX23" fmla="*/ 886627 w 1323997"/>
              <a:gd name="connsiteY23" fmla="*/ 2448000 h 2448000"/>
              <a:gd name="connsiteX24" fmla="*/ 873213 w 1323997"/>
              <a:gd name="connsiteY24" fmla="*/ 2448000 h 2448000"/>
              <a:gd name="connsiteX25" fmla="*/ 853202 w 1323997"/>
              <a:gd name="connsiteY25" fmla="*/ 2448000 h 2448000"/>
              <a:gd name="connsiteX26" fmla="*/ 825275 w 1323997"/>
              <a:gd name="connsiteY26" fmla="*/ 2448000 h 2448000"/>
              <a:gd name="connsiteX27" fmla="*/ 788113 w 1323997"/>
              <a:gd name="connsiteY27" fmla="*/ 2448000 h 2448000"/>
              <a:gd name="connsiteX28" fmla="*/ 740395 w 1323997"/>
              <a:gd name="connsiteY28" fmla="*/ 2448000 h 2448000"/>
              <a:gd name="connsiteX29" fmla="*/ 680803 w 1323997"/>
              <a:gd name="connsiteY29" fmla="*/ 2448000 h 2448000"/>
              <a:gd name="connsiteX30" fmla="*/ 608017 w 1323997"/>
              <a:gd name="connsiteY30" fmla="*/ 2448000 h 2448000"/>
              <a:gd name="connsiteX31" fmla="*/ 520717 w 1323997"/>
              <a:gd name="connsiteY31" fmla="*/ 2448000 h 2448000"/>
              <a:gd name="connsiteX32" fmla="*/ 417586 w 1323997"/>
              <a:gd name="connsiteY32" fmla="*/ 2448000 h 2448000"/>
              <a:gd name="connsiteX33" fmla="*/ 297302 w 1323997"/>
              <a:gd name="connsiteY33" fmla="*/ 2448000 h 2448000"/>
              <a:gd name="connsiteX34" fmla="*/ 158546 w 1323997"/>
              <a:gd name="connsiteY34" fmla="*/ 2448000 h 2448000"/>
              <a:gd name="connsiteX35" fmla="*/ 0 w 1323997"/>
              <a:gd name="connsiteY35" fmla="*/ 2448000 h 2448000"/>
              <a:gd name="connsiteX36" fmla="*/ 0 w 1323997"/>
              <a:gd name="connsiteY36" fmla="*/ 2443857 h 2448000"/>
              <a:gd name="connsiteX37" fmla="*/ 0 w 1323997"/>
              <a:gd name="connsiteY37" fmla="*/ 2414860 h 2448000"/>
              <a:gd name="connsiteX38" fmla="*/ 0 w 1323997"/>
              <a:gd name="connsiteY38" fmla="*/ 2383273 h 2448000"/>
              <a:gd name="connsiteX39" fmla="*/ 0 w 1323997"/>
              <a:gd name="connsiteY39" fmla="*/ 2336152 h 2448000"/>
              <a:gd name="connsiteX40" fmla="*/ 0 w 1323997"/>
              <a:gd name="connsiteY40" fmla="*/ 2270390 h 2448000"/>
              <a:gd name="connsiteX41" fmla="*/ 0 w 1323997"/>
              <a:gd name="connsiteY41" fmla="*/ 2182879 h 2448000"/>
              <a:gd name="connsiteX42" fmla="*/ 0 w 1323997"/>
              <a:gd name="connsiteY42" fmla="*/ 2070514 h 2448000"/>
              <a:gd name="connsiteX43" fmla="*/ 0 w 1323997"/>
              <a:gd name="connsiteY43" fmla="*/ 1930186 h 2448000"/>
              <a:gd name="connsiteX44" fmla="*/ 0 w 1323997"/>
              <a:gd name="connsiteY44" fmla="*/ 1758790 h 2448000"/>
              <a:gd name="connsiteX45" fmla="*/ 0 w 1323997"/>
              <a:gd name="connsiteY45" fmla="*/ 1553218 h 2448000"/>
              <a:gd name="connsiteX46" fmla="*/ 0 w 1323997"/>
              <a:gd name="connsiteY46" fmla="*/ 1310363 h 2448000"/>
              <a:gd name="connsiteX47" fmla="*/ 0 w 1323997"/>
              <a:gd name="connsiteY47" fmla="*/ 1027119 h 2448000"/>
              <a:gd name="connsiteX48" fmla="*/ 0 w 1323997"/>
              <a:gd name="connsiteY48" fmla="*/ 700379 h 2448000"/>
              <a:gd name="connsiteX49" fmla="*/ 0 w 1323997"/>
              <a:gd name="connsiteY49" fmla="*/ 327035 h 2448000"/>
              <a:gd name="connsiteX50" fmla="*/ 327817 w 1323997"/>
              <a:gd name="connsiteY50" fmla="*/ 0 h 244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</a:cxnLst>
            <a:rect l="l" t="t" r="r" b="b"/>
            <a:pathLst>
              <a:path w="1323997" h="2448000">
                <a:moveTo>
                  <a:pt x="327817" y="0"/>
                </a:moveTo>
                <a:lnTo>
                  <a:pt x="329762" y="0"/>
                </a:lnTo>
                <a:lnTo>
                  <a:pt x="343382" y="0"/>
                </a:lnTo>
                <a:lnTo>
                  <a:pt x="358218" y="0"/>
                </a:lnTo>
                <a:lnTo>
                  <a:pt x="380350" y="0"/>
                </a:lnTo>
                <a:lnTo>
                  <a:pt x="411237" y="0"/>
                </a:lnTo>
                <a:lnTo>
                  <a:pt x="452339" y="0"/>
                </a:lnTo>
                <a:lnTo>
                  <a:pt x="505115" y="0"/>
                </a:lnTo>
                <a:lnTo>
                  <a:pt x="571025" y="0"/>
                </a:lnTo>
                <a:lnTo>
                  <a:pt x="651527" y="0"/>
                </a:lnTo>
                <a:lnTo>
                  <a:pt x="748080" y="0"/>
                </a:lnTo>
                <a:lnTo>
                  <a:pt x="862145" y="0"/>
                </a:lnTo>
                <a:lnTo>
                  <a:pt x="995180" y="0"/>
                </a:lnTo>
                <a:lnTo>
                  <a:pt x="1148644" y="0"/>
                </a:lnTo>
                <a:lnTo>
                  <a:pt x="1323997" y="0"/>
                </a:lnTo>
                <a:cubicBezTo>
                  <a:pt x="1323997" y="0"/>
                  <a:pt x="1323997" y="0"/>
                  <a:pt x="1323997" y="612794"/>
                </a:cubicBezTo>
                <a:cubicBezTo>
                  <a:pt x="1323997" y="612794"/>
                  <a:pt x="1323997" y="612794"/>
                  <a:pt x="900700" y="612794"/>
                </a:cubicBezTo>
                <a:cubicBezTo>
                  <a:pt x="900700" y="612794"/>
                  <a:pt x="900700" y="612794"/>
                  <a:pt x="900700" y="1225588"/>
                </a:cubicBezTo>
                <a:lnTo>
                  <a:pt x="1323997" y="1225588"/>
                </a:lnTo>
                <a:cubicBezTo>
                  <a:pt x="1323997" y="1225588"/>
                  <a:pt x="1323997" y="1225588"/>
                  <a:pt x="1323997" y="1835206"/>
                </a:cubicBezTo>
                <a:cubicBezTo>
                  <a:pt x="1323997" y="1835206"/>
                  <a:pt x="1323997" y="1835206"/>
                  <a:pt x="900700" y="1835206"/>
                </a:cubicBezTo>
                <a:cubicBezTo>
                  <a:pt x="900700" y="1835206"/>
                  <a:pt x="900700" y="1835206"/>
                  <a:pt x="900700" y="2448000"/>
                </a:cubicBezTo>
                <a:lnTo>
                  <a:pt x="898941" y="2448000"/>
                </a:lnTo>
                <a:lnTo>
                  <a:pt x="886627" y="2448000"/>
                </a:lnTo>
                <a:lnTo>
                  <a:pt x="873213" y="2448000"/>
                </a:lnTo>
                <a:lnTo>
                  <a:pt x="853202" y="2448000"/>
                </a:lnTo>
                <a:lnTo>
                  <a:pt x="825275" y="2448000"/>
                </a:lnTo>
                <a:lnTo>
                  <a:pt x="788113" y="2448000"/>
                </a:lnTo>
                <a:lnTo>
                  <a:pt x="740395" y="2448000"/>
                </a:lnTo>
                <a:lnTo>
                  <a:pt x="680803" y="2448000"/>
                </a:lnTo>
                <a:lnTo>
                  <a:pt x="608017" y="2448000"/>
                </a:lnTo>
                <a:lnTo>
                  <a:pt x="520717" y="2448000"/>
                </a:lnTo>
                <a:lnTo>
                  <a:pt x="417586" y="2448000"/>
                </a:lnTo>
                <a:lnTo>
                  <a:pt x="297302" y="2448000"/>
                </a:lnTo>
                <a:lnTo>
                  <a:pt x="158546" y="2448000"/>
                </a:lnTo>
                <a:lnTo>
                  <a:pt x="0" y="2448000"/>
                </a:lnTo>
                <a:lnTo>
                  <a:pt x="0" y="2443857"/>
                </a:lnTo>
                <a:lnTo>
                  <a:pt x="0" y="2414860"/>
                </a:lnTo>
                <a:lnTo>
                  <a:pt x="0" y="2383273"/>
                </a:lnTo>
                <a:lnTo>
                  <a:pt x="0" y="2336152"/>
                </a:lnTo>
                <a:lnTo>
                  <a:pt x="0" y="2270390"/>
                </a:lnTo>
                <a:lnTo>
                  <a:pt x="0" y="2182879"/>
                </a:lnTo>
                <a:lnTo>
                  <a:pt x="0" y="2070514"/>
                </a:lnTo>
                <a:lnTo>
                  <a:pt x="0" y="1930186"/>
                </a:lnTo>
                <a:lnTo>
                  <a:pt x="0" y="1758790"/>
                </a:lnTo>
                <a:lnTo>
                  <a:pt x="0" y="1553218"/>
                </a:lnTo>
                <a:lnTo>
                  <a:pt x="0" y="1310363"/>
                </a:lnTo>
                <a:lnTo>
                  <a:pt x="0" y="1027119"/>
                </a:lnTo>
                <a:lnTo>
                  <a:pt x="0" y="700379"/>
                </a:lnTo>
                <a:lnTo>
                  <a:pt x="0" y="327035"/>
                </a:lnTo>
                <a:cubicBezTo>
                  <a:pt x="127308" y="200031"/>
                  <a:pt x="200509" y="127004"/>
                  <a:pt x="327817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</p:spPr>
        <p:txBody>
          <a:bodyPr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9. december 2018</a:t>
            </a:fld>
            <a:endParaRPr lang="da-DK" dirty="0"/>
          </a:p>
        </p:txBody>
      </p:sp>
      <p:sp>
        <p:nvSpPr>
          <p:cNvPr id="15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7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rne udskiftes. </a:t>
            </a:r>
          </a:p>
        </p:txBody>
      </p:sp>
      <p:pic>
        <p:nvPicPr>
          <p:cNvPr id="19" name="Logo nav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3487" userDrawn="1">
          <p15:clr>
            <a:srgbClr val="000000"/>
          </p15:clr>
        </p15:guide>
        <p15:guide id="2" orient="horz" pos="1809" userDrawn="1">
          <p15:clr>
            <a:srgbClr val="00000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indhold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5112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0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7346400" y="1987550"/>
            <a:ext cx="4392000" cy="4393506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graﬁkken udskiftes. </a:t>
            </a:r>
          </a:p>
        </p:txBody>
      </p:sp>
    </p:spTree>
    <p:extLst>
      <p:ext uri="{BB962C8B-B14F-4D97-AF65-F5344CB8AC3E}">
        <p14:creationId xmlns:p14="http://schemas.microsoft.com/office/powerpoint/2010/main" val="31903442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le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873905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91000"/>
              </a:lnSpc>
              <a:defRPr sz="22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539874" y="3748035"/>
            <a:ext cx="3780000" cy="2352728"/>
          </a:xfrm>
        </p:spPr>
        <p:txBody>
          <a:bodyPr lIns="216000" rIns="216000"/>
          <a:lstStyle>
            <a:lvl1pPr marL="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1" name="Faktaboks 3"/>
          <p:cNvSpPr>
            <a:spLocks noGrp="1"/>
          </p:cNvSpPr>
          <p:nvPr>
            <p:ph type="body" sz="quarter" idx="16"/>
          </p:nvPr>
        </p:nvSpPr>
        <p:spPr>
          <a:xfrm>
            <a:off x="5536800" y="4204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216000" tIns="216000" rIns="216000" bIns="216000" anchor="t" anchorCtr="0">
            <a:noAutofit/>
          </a:bodyPr>
          <a:lstStyle>
            <a:lvl1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 b="1">
                <a:solidFill>
                  <a:schemeClr val="bg2"/>
                </a:solidFill>
              </a:defRPr>
            </a:lvl1pPr>
            <a:lvl2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>
                <a:solidFill>
                  <a:schemeClr val="bg2"/>
                </a:solidFill>
              </a:defRPr>
            </a:lvl2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  <a:p>
            <a:pPr lvl="1"/>
            <a:r>
              <a:rPr lang="da-DK" dirty="0"/>
              <a:t>2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1540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5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3428911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le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873905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91000"/>
              </a:lnSpc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539874" y="3748035"/>
            <a:ext cx="3780000" cy="2352728"/>
          </a:xfrm>
        </p:spPr>
        <p:txBody>
          <a:bodyPr lIns="216000" rIns="216000"/>
          <a:lstStyle>
            <a:lvl1pPr marL="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da-DK" dirty="0"/>
              <a:t>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1" name="Faktaboks 3"/>
          <p:cNvSpPr>
            <a:spLocks noGrp="1"/>
          </p:cNvSpPr>
          <p:nvPr>
            <p:ph type="body" sz="quarter" idx="16"/>
          </p:nvPr>
        </p:nvSpPr>
        <p:spPr>
          <a:xfrm>
            <a:off x="5536800" y="4204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lIns="216000" tIns="216000" rIns="216000" bIns="216000" anchor="t" anchorCtr="0">
            <a:noAutofit/>
          </a:bodyPr>
          <a:lstStyle>
            <a:lvl1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 b="1">
                <a:solidFill>
                  <a:schemeClr val="accent1"/>
                </a:solidFill>
              </a:defRPr>
            </a:lvl1pPr>
            <a:lvl2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2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  <a:p>
            <a:pPr lvl="1"/>
            <a:r>
              <a:rPr lang="da-DK" dirty="0"/>
              <a:t>2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1540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5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5172760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4204010" y="2000207"/>
            <a:ext cx="5112790" cy="720000"/>
          </a:xfrm>
        </p:spPr>
        <p:txBody>
          <a:bodyPr anchor="t" anchorCtr="0"/>
          <a:lstStyle>
            <a:lvl1pPr>
              <a:lnSpc>
                <a:spcPct val="97000"/>
              </a:lnSpc>
              <a:defRPr lang="da-DK" sz="2400" dirty="0"/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4204009" y="2835762"/>
            <a:ext cx="5112791" cy="3266238"/>
          </a:xfrm>
        </p:spPr>
        <p:txBody>
          <a:bodyPr/>
          <a:lstStyle>
            <a:lvl1pPr>
              <a:buClr>
                <a:schemeClr val="tx2"/>
              </a:buClr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buClr>
                <a:schemeClr val="tx2"/>
              </a:buClr>
              <a:defRPr>
                <a:solidFill>
                  <a:schemeClr val="tx2"/>
                </a:solidFill>
              </a:defRPr>
            </a:lvl3pPr>
            <a:lvl4pPr>
              <a:buClr>
                <a:schemeClr val="tx2"/>
              </a:buClr>
              <a:defRPr>
                <a:solidFill>
                  <a:schemeClr val="tx2"/>
                </a:solidFill>
              </a:defRPr>
            </a:lvl4pPr>
            <a:lvl5pPr>
              <a:buClr>
                <a:schemeClr val="tx2"/>
              </a:buCl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1540800" y="1540800"/>
            <a:ext cx="2448000" cy="2448000"/>
          </a:xfrm>
          <a:solidFill>
            <a:schemeClr val="bg1">
              <a:lumMod val="8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ikonet for at tilføje et billede</a:t>
            </a:r>
          </a:p>
        </p:txBody>
      </p:sp>
      <p:sp>
        <p:nvSpPr>
          <p:cNvPr id="18" name="Freeform: Shape 4"/>
          <p:cNvSpPr>
            <a:spLocks noGrp="1"/>
          </p:cNvSpPr>
          <p:nvPr>
            <p:ph type="pic" sz="quarter" idx="16" hasCustomPrompt="1"/>
          </p:nvPr>
        </p:nvSpPr>
        <p:spPr>
          <a:xfrm>
            <a:off x="9532800" y="4204800"/>
            <a:ext cx="2448000" cy="2448000"/>
          </a:xfrm>
          <a:custGeom>
            <a:avLst/>
            <a:gdLst>
              <a:gd name="connsiteX0" fmla="*/ 0 w 4392000"/>
              <a:gd name="connsiteY0" fmla="*/ 0 h 4392000"/>
              <a:gd name="connsiteX1" fmla="*/ 1073 w 4392000"/>
              <a:gd name="connsiteY1" fmla="*/ 0 h 4392000"/>
              <a:gd name="connsiteX2" fmla="*/ 8578 w 4392000"/>
              <a:gd name="connsiteY2" fmla="*/ 0 h 4392000"/>
              <a:gd name="connsiteX3" fmla="*/ 28951 w 4392000"/>
              <a:gd name="connsiteY3" fmla="*/ 0 h 4392000"/>
              <a:gd name="connsiteX4" fmla="*/ 68625 w 4392000"/>
              <a:gd name="connsiteY4" fmla="*/ 0 h 4392000"/>
              <a:gd name="connsiteX5" fmla="*/ 97711 w 4392000"/>
              <a:gd name="connsiteY5" fmla="*/ 0 h 4392000"/>
              <a:gd name="connsiteX6" fmla="*/ 134034 w 4392000"/>
              <a:gd name="connsiteY6" fmla="*/ 0 h 4392000"/>
              <a:gd name="connsiteX7" fmla="*/ 178399 w 4392000"/>
              <a:gd name="connsiteY7" fmla="*/ 0 h 4392000"/>
              <a:gd name="connsiteX8" fmla="*/ 231610 w 4392000"/>
              <a:gd name="connsiteY8" fmla="*/ 0 h 4392000"/>
              <a:gd name="connsiteX9" fmla="*/ 294471 w 4392000"/>
              <a:gd name="connsiteY9" fmla="*/ 0 h 4392000"/>
              <a:gd name="connsiteX10" fmla="*/ 367787 w 4392000"/>
              <a:gd name="connsiteY10" fmla="*/ 0 h 4392000"/>
              <a:gd name="connsiteX11" fmla="*/ 452362 w 4392000"/>
              <a:gd name="connsiteY11" fmla="*/ 0 h 4392000"/>
              <a:gd name="connsiteX12" fmla="*/ 549000 w 4392000"/>
              <a:gd name="connsiteY12" fmla="*/ 0 h 4392000"/>
              <a:gd name="connsiteX13" fmla="*/ 658505 w 4392000"/>
              <a:gd name="connsiteY13" fmla="*/ 0 h 4392000"/>
              <a:gd name="connsiteX14" fmla="*/ 781682 w 4392000"/>
              <a:gd name="connsiteY14" fmla="*/ 0 h 4392000"/>
              <a:gd name="connsiteX15" fmla="*/ 919334 w 4392000"/>
              <a:gd name="connsiteY15" fmla="*/ 0 h 4392000"/>
              <a:gd name="connsiteX16" fmla="*/ 1072266 w 4392000"/>
              <a:gd name="connsiteY16" fmla="*/ 0 h 4392000"/>
              <a:gd name="connsiteX17" fmla="*/ 1241282 w 4392000"/>
              <a:gd name="connsiteY17" fmla="*/ 0 h 4392000"/>
              <a:gd name="connsiteX18" fmla="*/ 1427186 w 4392000"/>
              <a:gd name="connsiteY18" fmla="*/ 0 h 4392000"/>
              <a:gd name="connsiteX19" fmla="*/ 1630782 w 4392000"/>
              <a:gd name="connsiteY19" fmla="*/ 0 h 4392000"/>
              <a:gd name="connsiteX20" fmla="*/ 1852875 w 4392000"/>
              <a:gd name="connsiteY20" fmla="*/ 0 h 4392000"/>
              <a:gd name="connsiteX21" fmla="*/ 2094269 w 4392000"/>
              <a:gd name="connsiteY21" fmla="*/ 0 h 4392000"/>
              <a:gd name="connsiteX22" fmla="*/ 2355768 w 4392000"/>
              <a:gd name="connsiteY22" fmla="*/ 0 h 4392000"/>
              <a:gd name="connsiteX23" fmla="*/ 2638176 w 4392000"/>
              <a:gd name="connsiteY23" fmla="*/ 0 h 4392000"/>
              <a:gd name="connsiteX24" fmla="*/ 2942297 w 4392000"/>
              <a:gd name="connsiteY24" fmla="*/ 0 h 4392000"/>
              <a:gd name="connsiteX25" fmla="*/ 3268936 w 4392000"/>
              <a:gd name="connsiteY25" fmla="*/ 0 h 4392000"/>
              <a:gd name="connsiteX26" fmla="*/ 3618896 w 4392000"/>
              <a:gd name="connsiteY26" fmla="*/ 0 h 4392000"/>
              <a:gd name="connsiteX27" fmla="*/ 3992983 w 4392000"/>
              <a:gd name="connsiteY27" fmla="*/ 0 h 4392000"/>
              <a:gd name="connsiteX28" fmla="*/ 4392000 w 4392000"/>
              <a:gd name="connsiteY28" fmla="*/ 0 h 4392000"/>
              <a:gd name="connsiteX29" fmla="*/ 4392000 w 4392000"/>
              <a:gd name="connsiteY29" fmla="*/ 930 h 4392000"/>
              <a:gd name="connsiteX30" fmla="*/ 4392000 w 4392000"/>
              <a:gd name="connsiteY30" fmla="*/ 7437 h 4392000"/>
              <a:gd name="connsiteX31" fmla="*/ 4392000 w 4392000"/>
              <a:gd name="connsiteY31" fmla="*/ 25100 h 4392000"/>
              <a:gd name="connsiteX32" fmla="*/ 4392000 w 4392000"/>
              <a:gd name="connsiteY32" fmla="*/ 59495 h 4392000"/>
              <a:gd name="connsiteX33" fmla="*/ 4392000 w 4392000"/>
              <a:gd name="connsiteY33" fmla="*/ 116201 h 4392000"/>
              <a:gd name="connsiteX34" fmla="*/ 4392000 w 4392000"/>
              <a:gd name="connsiteY34" fmla="*/ 154663 h 4392000"/>
              <a:gd name="connsiteX35" fmla="*/ 4392000 w 4392000"/>
              <a:gd name="connsiteY35" fmla="*/ 200795 h 4392000"/>
              <a:gd name="connsiteX36" fmla="*/ 4392000 w 4392000"/>
              <a:gd name="connsiteY36" fmla="*/ 255293 h 4392000"/>
              <a:gd name="connsiteX37" fmla="*/ 4392000 w 4392000"/>
              <a:gd name="connsiteY37" fmla="*/ 318855 h 4392000"/>
              <a:gd name="connsiteX38" fmla="*/ 4392000 w 4392000"/>
              <a:gd name="connsiteY38" fmla="*/ 392178 h 4392000"/>
              <a:gd name="connsiteX39" fmla="*/ 4392000 w 4392000"/>
              <a:gd name="connsiteY39" fmla="*/ 475959 h 4392000"/>
              <a:gd name="connsiteX40" fmla="*/ 4392000 w 4392000"/>
              <a:gd name="connsiteY40" fmla="*/ 570895 h 4392000"/>
              <a:gd name="connsiteX41" fmla="*/ 4392000 w 4392000"/>
              <a:gd name="connsiteY41" fmla="*/ 677684 h 4392000"/>
              <a:gd name="connsiteX42" fmla="*/ 4392000 w 4392000"/>
              <a:gd name="connsiteY42" fmla="*/ 797022 h 4392000"/>
              <a:gd name="connsiteX43" fmla="*/ 4392000 w 4392000"/>
              <a:gd name="connsiteY43" fmla="*/ 929607 h 4392000"/>
              <a:gd name="connsiteX44" fmla="*/ 4392000 w 4392000"/>
              <a:gd name="connsiteY44" fmla="*/ 1076136 h 4392000"/>
              <a:gd name="connsiteX45" fmla="*/ 4392000 w 4392000"/>
              <a:gd name="connsiteY45" fmla="*/ 1237307 h 4392000"/>
              <a:gd name="connsiteX46" fmla="*/ 4392000 w 4392000"/>
              <a:gd name="connsiteY46" fmla="*/ 1413816 h 4392000"/>
              <a:gd name="connsiteX47" fmla="*/ 4392000 w 4392000"/>
              <a:gd name="connsiteY47" fmla="*/ 1606361 h 4392000"/>
              <a:gd name="connsiteX48" fmla="*/ 4392000 w 4392000"/>
              <a:gd name="connsiteY48" fmla="*/ 1815639 h 4392000"/>
              <a:gd name="connsiteX49" fmla="*/ 4392000 w 4392000"/>
              <a:gd name="connsiteY49" fmla="*/ 2042347 h 4392000"/>
              <a:gd name="connsiteX50" fmla="*/ 4392000 w 4392000"/>
              <a:gd name="connsiteY50" fmla="*/ 2287182 h 4392000"/>
              <a:gd name="connsiteX51" fmla="*/ 4392000 w 4392000"/>
              <a:gd name="connsiteY51" fmla="*/ 2550842 h 4392000"/>
              <a:gd name="connsiteX52" fmla="*/ 4392000 w 4392000"/>
              <a:gd name="connsiteY52" fmla="*/ 2834023 h 4392000"/>
              <a:gd name="connsiteX53" fmla="*/ 4392000 w 4392000"/>
              <a:gd name="connsiteY53" fmla="*/ 3137424 h 4392000"/>
              <a:gd name="connsiteX54" fmla="*/ 4392000 w 4392000"/>
              <a:gd name="connsiteY54" fmla="*/ 3461740 h 4392000"/>
              <a:gd name="connsiteX55" fmla="*/ 4392000 w 4392000"/>
              <a:gd name="connsiteY55" fmla="*/ 3807670 h 4392000"/>
              <a:gd name="connsiteX56" fmla="*/ 3808093 w 4392000"/>
              <a:gd name="connsiteY56" fmla="*/ 4392000 h 4392000"/>
              <a:gd name="connsiteX57" fmla="*/ 3807163 w 4392000"/>
              <a:gd name="connsiteY57" fmla="*/ 4392000 h 4392000"/>
              <a:gd name="connsiteX58" fmla="*/ 3800655 w 4392000"/>
              <a:gd name="connsiteY58" fmla="*/ 4392000 h 4392000"/>
              <a:gd name="connsiteX59" fmla="*/ 3782991 w 4392000"/>
              <a:gd name="connsiteY59" fmla="*/ 4392000 h 4392000"/>
              <a:gd name="connsiteX60" fmla="*/ 3748592 w 4392000"/>
              <a:gd name="connsiteY60" fmla="*/ 4392000 h 4392000"/>
              <a:gd name="connsiteX61" fmla="*/ 3691879 w 4392000"/>
              <a:gd name="connsiteY61" fmla="*/ 4392000 h 4392000"/>
              <a:gd name="connsiteX62" fmla="*/ 3653412 w 4392000"/>
              <a:gd name="connsiteY62" fmla="*/ 4392000 h 4392000"/>
              <a:gd name="connsiteX63" fmla="*/ 3607276 w 4392000"/>
              <a:gd name="connsiteY63" fmla="*/ 4392000 h 4392000"/>
              <a:gd name="connsiteX64" fmla="*/ 3552771 w 4392000"/>
              <a:gd name="connsiteY64" fmla="*/ 4392000 h 4392000"/>
              <a:gd name="connsiteX65" fmla="*/ 3489202 w 4392000"/>
              <a:gd name="connsiteY65" fmla="*/ 4392000 h 4392000"/>
              <a:gd name="connsiteX66" fmla="*/ 3415872 w 4392000"/>
              <a:gd name="connsiteY66" fmla="*/ 4392000 h 4392000"/>
              <a:gd name="connsiteX67" fmla="*/ 3332081 w 4392000"/>
              <a:gd name="connsiteY67" fmla="*/ 4392000 h 4392000"/>
              <a:gd name="connsiteX68" fmla="*/ 3237135 w 4392000"/>
              <a:gd name="connsiteY68" fmla="*/ 4392000 h 4392000"/>
              <a:gd name="connsiteX69" fmla="*/ 3130334 w 4392000"/>
              <a:gd name="connsiteY69" fmla="*/ 4392000 h 4392000"/>
              <a:gd name="connsiteX70" fmla="*/ 3010983 w 4392000"/>
              <a:gd name="connsiteY70" fmla="*/ 4392000 h 4392000"/>
              <a:gd name="connsiteX71" fmla="*/ 2878383 w 4392000"/>
              <a:gd name="connsiteY71" fmla="*/ 4392000 h 4392000"/>
              <a:gd name="connsiteX72" fmla="*/ 2731837 w 4392000"/>
              <a:gd name="connsiteY72" fmla="*/ 4392000 h 4392000"/>
              <a:gd name="connsiteX73" fmla="*/ 2570649 w 4392000"/>
              <a:gd name="connsiteY73" fmla="*/ 4392000 h 4392000"/>
              <a:gd name="connsiteX74" fmla="*/ 2394120 w 4392000"/>
              <a:gd name="connsiteY74" fmla="*/ 4392000 h 4392000"/>
              <a:gd name="connsiteX75" fmla="*/ 2201554 w 4392000"/>
              <a:gd name="connsiteY75" fmla="*/ 4392000 h 4392000"/>
              <a:gd name="connsiteX76" fmla="*/ 1992253 w 4392000"/>
              <a:gd name="connsiteY76" fmla="*/ 4392000 h 4392000"/>
              <a:gd name="connsiteX77" fmla="*/ 1765520 w 4392000"/>
              <a:gd name="connsiteY77" fmla="*/ 4392000 h 4392000"/>
              <a:gd name="connsiteX78" fmla="*/ 1520657 w 4392000"/>
              <a:gd name="connsiteY78" fmla="*/ 4392000 h 4392000"/>
              <a:gd name="connsiteX79" fmla="*/ 1256968 w 4392000"/>
              <a:gd name="connsiteY79" fmla="*/ 4392000 h 4392000"/>
              <a:gd name="connsiteX80" fmla="*/ 973755 w 4392000"/>
              <a:gd name="connsiteY80" fmla="*/ 4392000 h 4392000"/>
              <a:gd name="connsiteX81" fmla="*/ 670321 w 4392000"/>
              <a:gd name="connsiteY81" fmla="*/ 4392000 h 4392000"/>
              <a:gd name="connsiteX82" fmla="*/ 345969 w 4392000"/>
              <a:gd name="connsiteY82" fmla="*/ 4392000 h 4392000"/>
              <a:gd name="connsiteX83" fmla="*/ 0 w 4392000"/>
              <a:gd name="connsiteY83" fmla="*/ 4392000 h 43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</a:cxnLst>
            <a:rect l="l" t="t" r="r" b="b"/>
            <a:pathLst>
              <a:path w="4392000" h="4392000">
                <a:moveTo>
                  <a:pt x="0" y="0"/>
                </a:moveTo>
                <a:lnTo>
                  <a:pt x="1073" y="0"/>
                </a:lnTo>
                <a:lnTo>
                  <a:pt x="8578" y="0"/>
                </a:lnTo>
                <a:lnTo>
                  <a:pt x="28951" y="0"/>
                </a:lnTo>
                <a:lnTo>
                  <a:pt x="68625" y="0"/>
                </a:lnTo>
                <a:lnTo>
                  <a:pt x="97711" y="0"/>
                </a:lnTo>
                <a:lnTo>
                  <a:pt x="134034" y="0"/>
                </a:lnTo>
                <a:lnTo>
                  <a:pt x="178399" y="0"/>
                </a:lnTo>
                <a:lnTo>
                  <a:pt x="231610" y="0"/>
                </a:lnTo>
                <a:lnTo>
                  <a:pt x="294471" y="0"/>
                </a:lnTo>
                <a:lnTo>
                  <a:pt x="367787" y="0"/>
                </a:lnTo>
                <a:lnTo>
                  <a:pt x="452362" y="0"/>
                </a:lnTo>
                <a:lnTo>
                  <a:pt x="549000" y="0"/>
                </a:lnTo>
                <a:lnTo>
                  <a:pt x="658505" y="0"/>
                </a:lnTo>
                <a:lnTo>
                  <a:pt x="781682" y="0"/>
                </a:lnTo>
                <a:lnTo>
                  <a:pt x="919334" y="0"/>
                </a:lnTo>
                <a:lnTo>
                  <a:pt x="1072266" y="0"/>
                </a:lnTo>
                <a:lnTo>
                  <a:pt x="1241282" y="0"/>
                </a:lnTo>
                <a:lnTo>
                  <a:pt x="1427186" y="0"/>
                </a:lnTo>
                <a:lnTo>
                  <a:pt x="1630782" y="0"/>
                </a:lnTo>
                <a:lnTo>
                  <a:pt x="1852875" y="0"/>
                </a:lnTo>
                <a:lnTo>
                  <a:pt x="2094269" y="0"/>
                </a:lnTo>
                <a:lnTo>
                  <a:pt x="2355768" y="0"/>
                </a:lnTo>
                <a:lnTo>
                  <a:pt x="2638176" y="0"/>
                </a:lnTo>
                <a:lnTo>
                  <a:pt x="2942297" y="0"/>
                </a:lnTo>
                <a:lnTo>
                  <a:pt x="3268936" y="0"/>
                </a:lnTo>
                <a:lnTo>
                  <a:pt x="3618896" y="0"/>
                </a:lnTo>
                <a:lnTo>
                  <a:pt x="3992983" y="0"/>
                </a:lnTo>
                <a:lnTo>
                  <a:pt x="4392000" y="0"/>
                </a:lnTo>
                <a:lnTo>
                  <a:pt x="4392000" y="930"/>
                </a:lnTo>
                <a:lnTo>
                  <a:pt x="4392000" y="7437"/>
                </a:lnTo>
                <a:lnTo>
                  <a:pt x="4392000" y="25100"/>
                </a:lnTo>
                <a:lnTo>
                  <a:pt x="4392000" y="59495"/>
                </a:lnTo>
                <a:lnTo>
                  <a:pt x="4392000" y="116201"/>
                </a:lnTo>
                <a:lnTo>
                  <a:pt x="4392000" y="154663"/>
                </a:lnTo>
                <a:lnTo>
                  <a:pt x="4392000" y="200795"/>
                </a:lnTo>
                <a:lnTo>
                  <a:pt x="4392000" y="255293"/>
                </a:lnTo>
                <a:lnTo>
                  <a:pt x="4392000" y="318855"/>
                </a:lnTo>
                <a:lnTo>
                  <a:pt x="4392000" y="392178"/>
                </a:lnTo>
                <a:lnTo>
                  <a:pt x="4392000" y="475959"/>
                </a:lnTo>
                <a:lnTo>
                  <a:pt x="4392000" y="570895"/>
                </a:lnTo>
                <a:lnTo>
                  <a:pt x="4392000" y="677684"/>
                </a:lnTo>
                <a:lnTo>
                  <a:pt x="4392000" y="797022"/>
                </a:lnTo>
                <a:lnTo>
                  <a:pt x="4392000" y="929607"/>
                </a:lnTo>
                <a:lnTo>
                  <a:pt x="4392000" y="1076136"/>
                </a:lnTo>
                <a:lnTo>
                  <a:pt x="4392000" y="1237307"/>
                </a:lnTo>
                <a:lnTo>
                  <a:pt x="4392000" y="1413816"/>
                </a:lnTo>
                <a:lnTo>
                  <a:pt x="4392000" y="1606361"/>
                </a:lnTo>
                <a:lnTo>
                  <a:pt x="4392000" y="1815639"/>
                </a:lnTo>
                <a:lnTo>
                  <a:pt x="4392000" y="2042347"/>
                </a:lnTo>
                <a:lnTo>
                  <a:pt x="4392000" y="2287182"/>
                </a:lnTo>
                <a:lnTo>
                  <a:pt x="4392000" y="2550842"/>
                </a:lnTo>
                <a:lnTo>
                  <a:pt x="4392000" y="2834023"/>
                </a:lnTo>
                <a:lnTo>
                  <a:pt x="4392000" y="3137424"/>
                </a:lnTo>
                <a:lnTo>
                  <a:pt x="4392000" y="3461740"/>
                </a:lnTo>
                <a:lnTo>
                  <a:pt x="4392000" y="3807670"/>
                </a:lnTo>
                <a:cubicBezTo>
                  <a:pt x="4163515" y="4036321"/>
                  <a:pt x="4036578" y="4163349"/>
                  <a:pt x="3808093" y="4392000"/>
                </a:cubicBezTo>
                <a:lnTo>
                  <a:pt x="3807163" y="4392000"/>
                </a:lnTo>
                <a:lnTo>
                  <a:pt x="3800655" y="4392000"/>
                </a:lnTo>
                <a:lnTo>
                  <a:pt x="3782991" y="4392000"/>
                </a:lnTo>
                <a:lnTo>
                  <a:pt x="3748592" y="4392000"/>
                </a:lnTo>
                <a:lnTo>
                  <a:pt x="3691879" y="4392000"/>
                </a:lnTo>
                <a:lnTo>
                  <a:pt x="3653412" y="4392000"/>
                </a:lnTo>
                <a:lnTo>
                  <a:pt x="3607276" y="4392000"/>
                </a:lnTo>
                <a:lnTo>
                  <a:pt x="3552771" y="4392000"/>
                </a:lnTo>
                <a:lnTo>
                  <a:pt x="3489202" y="4392000"/>
                </a:lnTo>
                <a:lnTo>
                  <a:pt x="3415872" y="4392000"/>
                </a:lnTo>
                <a:lnTo>
                  <a:pt x="3332081" y="4392000"/>
                </a:lnTo>
                <a:lnTo>
                  <a:pt x="3237135" y="4392000"/>
                </a:lnTo>
                <a:lnTo>
                  <a:pt x="3130334" y="4392000"/>
                </a:lnTo>
                <a:lnTo>
                  <a:pt x="3010983" y="4392000"/>
                </a:lnTo>
                <a:lnTo>
                  <a:pt x="2878383" y="4392000"/>
                </a:lnTo>
                <a:lnTo>
                  <a:pt x="2731837" y="4392000"/>
                </a:lnTo>
                <a:lnTo>
                  <a:pt x="2570649" y="4392000"/>
                </a:lnTo>
                <a:lnTo>
                  <a:pt x="2394120" y="4392000"/>
                </a:lnTo>
                <a:lnTo>
                  <a:pt x="2201554" y="4392000"/>
                </a:lnTo>
                <a:lnTo>
                  <a:pt x="1992253" y="4392000"/>
                </a:lnTo>
                <a:lnTo>
                  <a:pt x="1765520" y="4392000"/>
                </a:lnTo>
                <a:lnTo>
                  <a:pt x="1520657" y="4392000"/>
                </a:lnTo>
                <a:lnTo>
                  <a:pt x="1256968" y="4392000"/>
                </a:lnTo>
                <a:lnTo>
                  <a:pt x="973755" y="4392000"/>
                </a:lnTo>
                <a:lnTo>
                  <a:pt x="670321" y="4392000"/>
                </a:lnTo>
                <a:lnTo>
                  <a:pt x="345969" y="4392000"/>
                </a:lnTo>
                <a:lnTo>
                  <a:pt x="0" y="4392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80000" anchor="t" anchorCtr="0">
            <a:noAutofit/>
          </a:bodyPr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24" name="grafik nederst"/>
          <p:cNvSpPr/>
          <p:nvPr userDrawn="1"/>
        </p:nvSpPr>
        <p:spPr>
          <a:xfrm>
            <a:off x="0" y="4204800"/>
            <a:ext cx="3988800" cy="2653200"/>
          </a:xfrm>
          <a:custGeom>
            <a:avLst/>
            <a:gdLst>
              <a:gd name="connsiteX0" fmla="*/ 0 w 3988800"/>
              <a:gd name="connsiteY0" fmla="*/ 0 h 2620800"/>
              <a:gd name="connsiteX1" fmla="*/ 6469 w 3988800"/>
              <a:gd name="connsiteY1" fmla="*/ 0 h 2620800"/>
              <a:gd name="connsiteX2" fmla="*/ 21831 w 3988800"/>
              <a:gd name="connsiteY2" fmla="*/ 0 h 2620800"/>
              <a:gd name="connsiteX3" fmla="*/ 51748 w 3988800"/>
              <a:gd name="connsiteY3" fmla="*/ 0 h 2620800"/>
              <a:gd name="connsiteX4" fmla="*/ 101071 w 3988800"/>
              <a:gd name="connsiteY4" fmla="*/ 0 h 2620800"/>
              <a:gd name="connsiteX5" fmla="*/ 174650 w 3988800"/>
              <a:gd name="connsiteY5" fmla="*/ 0 h 2620800"/>
              <a:gd name="connsiteX6" fmla="*/ 277337 w 3988800"/>
              <a:gd name="connsiteY6" fmla="*/ 0 h 2620800"/>
              <a:gd name="connsiteX7" fmla="*/ 413984 w 3988800"/>
              <a:gd name="connsiteY7" fmla="*/ 0 h 2620800"/>
              <a:gd name="connsiteX8" fmla="*/ 589443 w 3988800"/>
              <a:gd name="connsiteY8" fmla="*/ 0 h 2620800"/>
              <a:gd name="connsiteX9" fmla="*/ 693242 w 3988800"/>
              <a:gd name="connsiteY9" fmla="*/ 0 h 2620800"/>
              <a:gd name="connsiteX10" fmla="*/ 808563 w 3988800"/>
              <a:gd name="connsiteY10" fmla="*/ 0 h 2620800"/>
              <a:gd name="connsiteX11" fmla="*/ 936013 w 3988800"/>
              <a:gd name="connsiteY11" fmla="*/ 0 h 2620800"/>
              <a:gd name="connsiteX12" fmla="*/ 1076198 w 3988800"/>
              <a:gd name="connsiteY12" fmla="*/ 0 h 2620800"/>
              <a:gd name="connsiteX13" fmla="*/ 1229724 w 3988800"/>
              <a:gd name="connsiteY13" fmla="*/ 0 h 2620800"/>
              <a:gd name="connsiteX14" fmla="*/ 1397197 w 3988800"/>
              <a:gd name="connsiteY14" fmla="*/ 0 h 2620800"/>
              <a:gd name="connsiteX15" fmla="*/ 1579225 w 3988800"/>
              <a:gd name="connsiteY15" fmla="*/ 0 h 2620800"/>
              <a:gd name="connsiteX16" fmla="*/ 1776413 w 3988800"/>
              <a:gd name="connsiteY16" fmla="*/ 0 h 2620800"/>
              <a:gd name="connsiteX17" fmla="*/ 1989369 w 3988800"/>
              <a:gd name="connsiteY17" fmla="*/ 0 h 2620800"/>
              <a:gd name="connsiteX18" fmla="*/ 2218697 w 3988800"/>
              <a:gd name="connsiteY18" fmla="*/ 0 h 2620800"/>
              <a:gd name="connsiteX19" fmla="*/ 2465006 w 3988800"/>
              <a:gd name="connsiteY19" fmla="*/ 0 h 2620800"/>
              <a:gd name="connsiteX20" fmla="*/ 2728901 w 3988800"/>
              <a:gd name="connsiteY20" fmla="*/ 0 h 2620800"/>
              <a:gd name="connsiteX21" fmla="*/ 3010988 w 3988800"/>
              <a:gd name="connsiteY21" fmla="*/ 0 h 2620800"/>
              <a:gd name="connsiteX22" fmla="*/ 3311875 w 3988800"/>
              <a:gd name="connsiteY22" fmla="*/ 0 h 2620800"/>
              <a:gd name="connsiteX23" fmla="*/ 3988800 w 3988800"/>
              <a:gd name="connsiteY23" fmla="*/ 681670 h 2620800"/>
              <a:gd name="connsiteX24" fmla="*/ 3988800 w 3988800"/>
              <a:gd name="connsiteY24" fmla="*/ 685460 h 2620800"/>
              <a:gd name="connsiteX25" fmla="*/ 3988800 w 3988800"/>
              <a:gd name="connsiteY25" fmla="*/ 694461 h 2620800"/>
              <a:gd name="connsiteX26" fmla="*/ 3988800 w 3988800"/>
              <a:gd name="connsiteY26" fmla="*/ 711988 h 2620800"/>
              <a:gd name="connsiteX27" fmla="*/ 3988800 w 3988800"/>
              <a:gd name="connsiteY27" fmla="*/ 740886 h 2620800"/>
              <a:gd name="connsiteX28" fmla="*/ 3988800 w 3988800"/>
              <a:gd name="connsiteY28" fmla="*/ 783995 h 2620800"/>
              <a:gd name="connsiteX29" fmla="*/ 3988800 w 3988800"/>
              <a:gd name="connsiteY29" fmla="*/ 844158 h 2620800"/>
              <a:gd name="connsiteX30" fmla="*/ 3988800 w 3988800"/>
              <a:gd name="connsiteY30" fmla="*/ 924218 h 2620800"/>
              <a:gd name="connsiteX31" fmla="*/ 3988800 w 3988800"/>
              <a:gd name="connsiteY31" fmla="*/ 1027016 h 2620800"/>
              <a:gd name="connsiteX32" fmla="*/ 3988800 w 3988800"/>
              <a:gd name="connsiteY32" fmla="*/ 1155396 h 2620800"/>
              <a:gd name="connsiteX33" fmla="*/ 3988800 w 3988800"/>
              <a:gd name="connsiteY33" fmla="*/ 1230067 h 2620800"/>
              <a:gd name="connsiteX34" fmla="*/ 3988800 w 3988800"/>
              <a:gd name="connsiteY34" fmla="*/ 1312199 h 2620800"/>
              <a:gd name="connsiteX35" fmla="*/ 3988800 w 3988800"/>
              <a:gd name="connsiteY35" fmla="*/ 1402148 h 2620800"/>
              <a:gd name="connsiteX36" fmla="*/ 3988800 w 3988800"/>
              <a:gd name="connsiteY36" fmla="*/ 1500268 h 2620800"/>
              <a:gd name="connsiteX37" fmla="*/ 3988800 w 3988800"/>
              <a:gd name="connsiteY37" fmla="*/ 1606916 h 2620800"/>
              <a:gd name="connsiteX38" fmla="*/ 3988800 w 3988800"/>
              <a:gd name="connsiteY38" fmla="*/ 1722446 h 2620800"/>
              <a:gd name="connsiteX39" fmla="*/ 3988800 w 3988800"/>
              <a:gd name="connsiteY39" fmla="*/ 1847213 h 2620800"/>
              <a:gd name="connsiteX40" fmla="*/ 3988800 w 3988800"/>
              <a:gd name="connsiteY40" fmla="*/ 1981574 h 2620800"/>
              <a:gd name="connsiteX41" fmla="*/ 3988800 w 3988800"/>
              <a:gd name="connsiteY41" fmla="*/ 2125882 h 2620800"/>
              <a:gd name="connsiteX42" fmla="*/ 3988800 w 3988800"/>
              <a:gd name="connsiteY42" fmla="*/ 2280495 h 2620800"/>
              <a:gd name="connsiteX43" fmla="*/ 3988800 w 3988800"/>
              <a:gd name="connsiteY43" fmla="*/ 2445766 h 2620800"/>
              <a:gd name="connsiteX44" fmla="*/ 3988800 w 3988800"/>
              <a:gd name="connsiteY44" fmla="*/ 2620800 h 2620800"/>
              <a:gd name="connsiteX45" fmla="*/ 2122510 w 3988800"/>
              <a:gd name="connsiteY45" fmla="*/ 2620800 h 2620800"/>
              <a:gd name="connsiteX46" fmla="*/ 2122510 w 3988800"/>
              <a:gd name="connsiteY46" fmla="*/ 2619425 h 2620800"/>
              <a:gd name="connsiteX47" fmla="*/ 2122510 w 3988800"/>
              <a:gd name="connsiteY47" fmla="*/ 1277735 h 2620800"/>
              <a:gd name="connsiteX48" fmla="*/ 765495 w 3988800"/>
              <a:gd name="connsiteY48" fmla="*/ 1277735 h 2620800"/>
              <a:gd name="connsiteX49" fmla="*/ 765495 w 3988800"/>
              <a:gd name="connsiteY49" fmla="*/ 2499919 h 2620800"/>
              <a:gd name="connsiteX50" fmla="*/ 765495 w 3988800"/>
              <a:gd name="connsiteY50" fmla="*/ 2620800 h 2620800"/>
              <a:gd name="connsiteX51" fmla="*/ 0 w 3988800"/>
              <a:gd name="connsiteY51" fmla="*/ 2620800 h 2620800"/>
              <a:gd name="connsiteX52" fmla="*/ 0 w 3988800"/>
              <a:gd name="connsiteY52" fmla="*/ 2616930 h 2620800"/>
              <a:gd name="connsiteX53" fmla="*/ 0 w 3988800"/>
              <a:gd name="connsiteY53" fmla="*/ 2604767 h 2620800"/>
              <a:gd name="connsiteX54" fmla="*/ 0 w 3988800"/>
              <a:gd name="connsiteY54" fmla="*/ 2581081 h 2620800"/>
              <a:gd name="connsiteX55" fmla="*/ 0 w 3988800"/>
              <a:gd name="connsiteY55" fmla="*/ 2542032 h 2620800"/>
              <a:gd name="connsiteX56" fmla="*/ 0 w 3988800"/>
              <a:gd name="connsiteY56" fmla="*/ 2483779 h 2620800"/>
              <a:gd name="connsiteX57" fmla="*/ 0 w 3988800"/>
              <a:gd name="connsiteY57" fmla="*/ 2402480 h 2620800"/>
              <a:gd name="connsiteX58" fmla="*/ 0 w 3988800"/>
              <a:gd name="connsiteY58" fmla="*/ 2351988 h 2620800"/>
              <a:gd name="connsiteX59" fmla="*/ 0 w 3988800"/>
              <a:gd name="connsiteY59" fmla="*/ 2294295 h 2620800"/>
              <a:gd name="connsiteX60" fmla="*/ 0 w 3988800"/>
              <a:gd name="connsiteY60" fmla="*/ 2228919 h 2620800"/>
              <a:gd name="connsiteX61" fmla="*/ 0 w 3988800"/>
              <a:gd name="connsiteY61" fmla="*/ 2155382 h 2620800"/>
              <a:gd name="connsiteX62" fmla="*/ 0 w 3988800"/>
              <a:gd name="connsiteY62" fmla="*/ 2073203 h 2620800"/>
              <a:gd name="connsiteX63" fmla="*/ 0 w 3988800"/>
              <a:gd name="connsiteY63" fmla="*/ 1981902 h 2620800"/>
              <a:gd name="connsiteX64" fmla="*/ 0 w 3988800"/>
              <a:gd name="connsiteY64" fmla="*/ 1880998 h 2620800"/>
              <a:gd name="connsiteX65" fmla="*/ 0 w 3988800"/>
              <a:gd name="connsiteY65" fmla="*/ 1770012 h 2620800"/>
              <a:gd name="connsiteX66" fmla="*/ 0 w 3988800"/>
              <a:gd name="connsiteY66" fmla="*/ 1648464 h 2620800"/>
              <a:gd name="connsiteX67" fmla="*/ 0 w 3988800"/>
              <a:gd name="connsiteY67" fmla="*/ 1515873 h 2620800"/>
              <a:gd name="connsiteX68" fmla="*/ 0 w 3988800"/>
              <a:gd name="connsiteY68" fmla="*/ 1371760 h 2620800"/>
              <a:gd name="connsiteX69" fmla="*/ 0 w 3988800"/>
              <a:gd name="connsiteY69" fmla="*/ 1215643 h 2620800"/>
              <a:gd name="connsiteX70" fmla="*/ 0 w 3988800"/>
              <a:gd name="connsiteY70" fmla="*/ 1047044 h 2620800"/>
              <a:gd name="connsiteX71" fmla="*/ 0 w 3988800"/>
              <a:gd name="connsiteY71" fmla="*/ 865482 h 2620800"/>
              <a:gd name="connsiteX72" fmla="*/ 0 w 3988800"/>
              <a:gd name="connsiteY72" fmla="*/ 670476 h 2620800"/>
              <a:gd name="connsiteX73" fmla="*/ 0 w 3988800"/>
              <a:gd name="connsiteY73" fmla="*/ 461548 h 2620800"/>
              <a:gd name="connsiteX74" fmla="*/ 0 w 3988800"/>
              <a:gd name="connsiteY74" fmla="*/ 238216 h 262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</a:cxnLst>
            <a:rect l="l" t="t" r="r" b="b"/>
            <a:pathLst>
              <a:path w="3988800" h="2620800">
                <a:moveTo>
                  <a:pt x="0" y="0"/>
                </a:moveTo>
                <a:lnTo>
                  <a:pt x="6469" y="0"/>
                </a:lnTo>
                <a:lnTo>
                  <a:pt x="21831" y="0"/>
                </a:lnTo>
                <a:lnTo>
                  <a:pt x="51748" y="0"/>
                </a:lnTo>
                <a:lnTo>
                  <a:pt x="101071" y="0"/>
                </a:lnTo>
                <a:lnTo>
                  <a:pt x="174650" y="0"/>
                </a:lnTo>
                <a:lnTo>
                  <a:pt x="277337" y="0"/>
                </a:lnTo>
                <a:lnTo>
                  <a:pt x="413984" y="0"/>
                </a:lnTo>
                <a:lnTo>
                  <a:pt x="589443" y="0"/>
                </a:lnTo>
                <a:lnTo>
                  <a:pt x="693242" y="0"/>
                </a:lnTo>
                <a:lnTo>
                  <a:pt x="808563" y="0"/>
                </a:lnTo>
                <a:lnTo>
                  <a:pt x="936013" y="0"/>
                </a:lnTo>
                <a:lnTo>
                  <a:pt x="1076198" y="0"/>
                </a:lnTo>
                <a:lnTo>
                  <a:pt x="1229724" y="0"/>
                </a:lnTo>
                <a:lnTo>
                  <a:pt x="1397197" y="0"/>
                </a:lnTo>
                <a:lnTo>
                  <a:pt x="1579225" y="0"/>
                </a:lnTo>
                <a:lnTo>
                  <a:pt x="1776413" y="0"/>
                </a:lnTo>
                <a:lnTo>
                  <a:pt x="1989369" y="0"/>
                </a:lnTo>
                <a:lnTo>
                  <a:pt x="2218697" y="0"/>
                </a:lnTo>
                <a:lnTo>
                  <a:pt x="2465006" y="0"/>
                </a:lnTo>
                <a:lnTo>
                  <a:pt x="2728901" y="0"/>
                </a:lnTo>
                <a:lnTo>
                  <a:pt x="3010988" y="0"/>
                </a:lnTo>
                <a:lnTo>
                  <a:pt x="3311875" y="0"/>
                </a:lnTo>
                <a:cubicBezTo>
                  <a:pt x="3577584" y="266327"/>
                  <a:pt x="3726254" y="415343"/>
                  <a:pt x="3988800" y="681670"/>
                </a:cubicBezTo>
                <a:lnTo>
                  <a:pt x="3988800" y="685460"/>
                </a:lnTo>
                <a:lnTo>
                  <a:pt x="3988800" y="694461"/>
                </a:lnTo>
                <a:lnTo>
                  <a:pt x="3988800" y="711988"/>
                </a:lnTo>
                <a:lnTo>
                  <a:pt x="3988800" y="740886"/>
                </a:lnTo>
                <a:lnTo>
                  <a:pt x="3988800" y="783995"/>
                </a:lnTo>
                <a:lnTo>
                  <a:pt x="3988800" y="844158"/>
                </a:lnTo>
                <a:lnTo>
                  <a:pt x="3988800" y="924218"/>
                </a:lnTo>
                <a:lnTo>
                  <a:pt x="3988800" y="1027016"/>
                </a:lnTo>
                <a:lnTo>
                  <a:pt x="3988800" y="1155396"/>
                </a:lnTo>
                <a:lnTo>
                  <a:pt x="3988800" y="1230067"/>
                </a:lnTo>
                <a:lnTo>
                  <a:pt x="3988800" y="1312199"/>
                </a:lnTo>
                <a:lnTo>
                  <a:pt x="3988800" y="1402148"/>
                </a:lnTo>
                <a:lnTo>
                  <a:pt x="3988800" y="1500268"/>
                </a:lnTo>
                <a:lnTo>
                  <a:pt x="3988800" y="1606916"/>
                </a:lnTo>
                <a:lnTo>
                  <a:pt x="3988800" y="1722446"/>
                </a:lnTo>
                <a:lnTo>
                  <a:pt x="3988800" y="1847213"/>
                </a:lnTo>
                <a:lnTo>
                  <a:pt x="3988800" y="1981574"/>
                </a:lnTo>
                <a:lnTo>
                  <a:pt x="3988800" y="2125882"/>
                </a:lnTo>
                <a:lnTo>
                  <a:pt x="3988800" y="2280495"/>
                </a:lnTo>
                <a:lnTo>
                  <a:pt x="3988800" y="2445766"/>
                </a:lnTo>
                <a:lnTo>
                  <a:pt x="3988800" y="2620800"/>
                </a:lnTo>
                <a:lnTo>
                  <a:pt x="2122510" y="2620800"/>
                </a:lnTo>
                <a:lnTo>
                  <a:pt x="2122510" y="2619425"/>
                </a:lnTo>
                <a:cubicBezTo>
                  <a:pt x="2122510" y="2601046"/>
                  <a:pt x="2122510" y="2454011"/>
                  <a:pt x="2122510" y="1277735"/>
                </a:cubicBezTo>
                <a:cubicBezTo>
                  <a:pt x="2122510" y="1277735"/>
                  <a:pt x="2122510" y="1277735"/>
                  <a:pt x="765495" y="1277735"/>
                </a:cubicBezTo>
                <a:cubicBezTo>
                  <a:pt x="765495" y="1277735"/>
                  <a:pt x="765495" y="1277735"/>
                  <a:pt x="765495" y="2499919"/>
                </a:cubicBezTo>
                <a:lnTo>
                  <a:pt x="765495" y="2620800"/>
                </a:lnTo>
                <a:lnTo>
                  <a:pt x="0" y="2620800"/>
                </a:lnTo>
                <a:lnTo>
                  <a:pt x="0" y="2616930"/>
                </a:lnTo>
                <a:lnTo>
                  <a:pt x="0" y="2604767"/>
                </a:lnTo>
                <a:lnTo>
                  <a:pt x="0" y="2581081"/>
                </a:lnTo>
                <a:lnTo>
                  <a:pt x="0" y="2542032"/>
                </a:lnTo>
                <a:lnTo>
                  <a:pt x="0" y="2483779"/>
                </a:lnTo>
                <a:lnTo>
                  <a:pt x="0" y="2402480"/>
                </a:lnTo>
                <a:lnTo>
                  <a:pt x="0" y="2351988"/>
                </a:lnTo>
                <a:lnTo>
                  <a:pt x="0" y="2294295"/>
                </a:lnTo>
                <a:lnTo>
                  <a:pt x="0" y="2228919"/>
                </a:lnTo>
                <a:lnTo>
                  <a:pt x="0" y="2155382"/>
                </a:lnTo>
                <a:lnTo>
                  <a:pt x="0" y="2073203"/>
                </a:lnTo>
                <a:lnTo>
                  <a:pt x="0" y="1981902"/>
                </a:lnTo>
                <a:lnTo>
                  <a:pt x="0" y="1880998"/>
                </a:lnTo>
                <a:lnTo>
                  <a:pt x="0" y="1770012"/>
                </a:lnTo>
                <a:lnTo>
                  <a:pt x="0" y="1648464"/>
                </a:lnTo>
                <a:lnTo>
                  <a:pt x="0" y="1515873"/>
                </a:lnTo>
                <a:lnTo>
                  <a:pt x="0" y="1371760"/>
                </a:lnTo>
                <a:lnTo>
                  <a:pt x="0" y="1215643"/>
                </a:lnTo>
                <a:lnTo>
                  <a:pt x="0" y="1047044"/>
                </a:lnTo>
                <a:lnTo>
                  <a:pt x="0" y="865482"/>
                </a:lnTo>
                <a:lnTo>
                  <a:pt x="0" y="670476"/>
                </a:lnTo>
                <a:lnTo>
                  <a:pt x="0" y="461548"/>
                </a:lnTo>
                <a:lnTo>
                  <a:pt x="0" y="238216"/>
                </a:ln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0" name="Grafik top"/>
          <p:cNvSpPr/>
          <p:nvPr userDrawn="1"/>
        </p:nvSpPr>
        <p:spPr>
          <a:xfrm>
            <a:off x="4204009" y="0"/>
            <a:ext cx="2448000" cy="1327939"/>
          </a:xfrm>
          <a:custGeom>
            <a:avLst/>
            <a:gdLst>
              <a:gd name="connsiteX0" fmla="*/ 0 w 2448000"/>
              <a:gd name="connsiteY0" fmla="*/ 0 h 1327939"/>
              <a:gd name="connsiteX1" fmla="*/ 2448000 w 2448000"/>
              <a:gd name="connsiteY1" fmla="*/ 0 h 1327939"/>
              <a:gd name="connsiteX2" fmla="*/ 2448000 w 2448000"/>
              <a:gd name="connsiteY2" fmla="*/ 1327939 h 1327939"/>
              <a:gd name="connsiteX3" fmla="*/ 1796441 w 2448000"/>
              <a:gd name="connsiteY3" fmla="*/ 1327939 h 1327939"/>
              <a:gd name="connsiteX4" fmla="*/ 898221 w 2448000"/>
              <a:gd name="connsiteY4" fmla="*/ 262175 h 1327939"/>
              <a:gd name="connsiteX5" fmla="*/ 898221 w 2448000"/>
              <a:gd name="connsiteY5" fmla="*/ 1327939 h 1327939"/>
              <a:gd name="connsiteX6" fmla="*/ 0 w 2448000"/>
              <a:gd name="connsiteY6" fmla="*/ 1327939 h 13279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448000" h="1327939">
                <a:moveTo>
                  <a:pt x="0" y="0"/>
                </a:moveTo>
                <a:lnTo>
                  <a:pt x="2448000" y="0"/>
                </a:lnTo>
                <a:lnTo>
                  <a:pt x="2448000" y="1327939"/>
                </a:lnTo>
                <a:lnTo>
                  <a:pt x="1796441" y="1327939"/>
                </a:lnTo>
                <a:lnTo>
                  <a:pt x="898221" y="262175"/>
                </a:lnTo>
                <a:lnTo>
                  <a:pt x="898221" y="1327939"/>
                </a:lnTo>
                <a:lnTo>
                  <a:pt x="0" y="1327939"/>
                </a:ln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1" name="TextBox 3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rne udskiftes. </a:t>
            </a:r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4" name="Slide Number Placeholder 13" hidden="1"/>
          <p:cNvSpPr>
            <a:spLocks noGrp="1"/>
          </p:cNvSpPr>
          <p:nvPr>
            <p:ph type="sldNum" sz="quarter" idx="12"/>
          </p:nvPr>
        </p:nvSpPr>
        <p:spPr>
          <a:xfrm>
            <a:off x="0" y="69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87819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ø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2" name="smid ud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3" y="0"/>
            <a:ext cx="12179334" cy="6858000"/>
          </a:xfrm>
          <a:prstGeom prst="rect">
            <a:avLst/>
          </a:prstGeom>
        </p:spPr>
      </p:pic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6870893" y="1964224"/>
            <a:ext cx="4472585" cy="733525"/>
          </a:xfrm>
        </p:spPr>
        <p:txBody>
          <a:bodyPr anchor="t" anchorCtr="0"/>
          <a:lstStyle>
            <a:lvl1pPr>
              <a:lnSpc>
                <a:spcPct val="93000"/>
              </a:lnSpc>
              <a:defRPr sz="25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6870894" y="2840798"/>
            <a:ext cx="4472585" cy="3224985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2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2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2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2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2"/>
                </a:solidFill>
              </a:defRPr>
            </a:lvl5pPr>
            <a:lvl6pPr>
              <a:buClr>
                <a:schemeClr val="bg2"/>
              </a:buClr>
              <a:defRPr>
                <a:solidFill>
                  <a:schemeClr val="bg2"/>
                </a:solidFill>
              </a:defRPr>
            </a:lvl6pPr>
            <a:lvl7pPr>
              <a:buClr>
                <a:schemeClr val="bg2"/>
              </a:buClr>
              <a:defRPr>
                <a:solidFill>
                  <a:schemeClr val="bg2"/>
                </a:solidFill>
              </a:defRPr>
            </a:lvl7pPr>
            <a:lvl8pPr>
              <a:buClr>
                <a:schemeClr val="bg2"/>
              </a:buClr>
              <a:defRPr>
                <a:solidFill>
                  <a:schemeClr val="bg2"/>
                </a:solidFill>
              </a:defRPr>
            </a:lvl8pPr>
            <a:lvl9pPr>
              <a:buClr>
                <a:schemeClr val="bg2"/>
              </a:buClr>
              <a:defRPr>
                <a:solidFill>
                  <a:schemeClr val="bg2"/>
                </a:solidFill>
              </a:defRPr>
            </a:lvl9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TextBox 19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t udskiftes. </a:t>
            </a:r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6" hasCustomPrompt="1"/>
          </p:nvPr>
        </p:nvSpPr>
        <p:spPr>
          <a:xfrm>
            <a:off x="208799" y="208799"/>
            <a:ext cx="6444000" cy="6444000"/>
          </a:xfrm>
          <a:custGeom>
            <a:avLst/>
            <a:gdLst>
              <a:gd name="connsiteX0" fmla="*/ 0 w 6444000"/>
              <a:gd name="connsiteY0" fmla="*/ 0 h 6444000"/>
              <a:gd name="connsiteX1" fmla="*/ 1364 w 6444000"/>
              <a:gd name="connsiteY1" fmla="*/ 0 h 6444000"/>
              <a:gd name="connsiteX2" fmla="*/ 10912 w 6444000"/>
              <a:gd name="connsiteY2" fmla="*/ 0 h 6444000"/>
              <a:gd name="connsiteX3" fmla="*/ 36828 w 6444000"/>
              <a:gd name="connsiteY3" fmla="*/ 0 h 6444000"/>
              <a:gd name="connsiteX4" fmla="*/ 58481 w 6444000"/>
              <a:gd name="connsiteY4" fmla="*/ 0 h 6444000"/>
              <a:gd name="connsiteX5" fmla="*/ 87296 w 6444000"/>
              <a:gd name="connsiteY5" fmla="*/ 0 h 6444000"/>
              <a:gd name="connsiteX6" fmla="*/ 124294 w 6444000"/>
              <a:gd name="connsiteY6" fmla="*/ 0 h 6444000"/>
              <a:gd name="connsiteX7" fmla="*/ 170499 w 6444000"/>
              <a:gd name="connsiteY7" fmla="*/ 0 h 6444000"/>
              <a:gd name="connsiteX8" fmla="*/ 226935 w 6444000"/>
              <a:gd name="connsiteY8" fmla="*/ 0 h 6444000"/>
              <a:gd name="connsiteX9" fmla="*/ 294623 w 6444000"/>
              <a:gd name="connsiteY9" fmla="*/ 0 h 6444000"/>
              <a:gd name="connsiteX10" fmla="*/ 374587 w 6444000"/>
              <a:gd name="connsiteY10" fmla="*/ 0 h 6444000"/>
              <a:gd name="connsiteX11" fmla="*/ 467850 w 6444000"/>
              <a:gd name="connsiteY11" fmla="*/ 0 h 6444000"/>
              <a:gd name="connsiteX12" fmla="*/ 575435 w 6444000"/>
              <a:gd name="connsiteY12" fmla="*/ 0 h 6444000"/>
              <a:gd name="connsiteX13" fmla="*/ 698365 w 6444000"/>
              <a:gd name="connsiteY13" fmla="*/ 0 h 6444000"/>
              <a:gd name="connsiteX14" fmla="*/ 837663 w 6444000"/>
              <a:gd name="connsiteY14" fmla="*/ 0 h 6444000"/>
              <a:gd name="connsiteX15" fmla="*/ 994351 w 6444000"/>
              <a:gd name="connsiteY15" fmla="*/ 0 h 6444000"/>
              <a:gd name="connsiteX16" fmla="*/ 1169454 w 6444000"/>
              <a:gd name="connsiteY16" fmla="*/ 0 h 6444000"/>
              <a:gd name="connsiteX17" fmla="*/ 1363993 w 6444000"/>
              <a:gd name="connsiteY17" fmla="*/ 0 h 6444000"/>
              <a:gd name="connsiteX18" fmla="*/ 1578993 w 6444000"/>
              <a:gd name="connsiteY18" fmla="*/ 0 h 6444000"/>
              <a:gd name="connsiteX19" fmla="*/ 1815475 w 6444000"/>
              <a:gd name="connsiteY19" fmla="*/ 0 h 6444000"/>
              <a:gd name="connsiteX20" fmla="*/ 2074464 w 6444000"/>
              <a:gd name="connsiteY20" fmla="*/ 0 h 6444000"/>
              <a:gd name="connsiteX21" fmla="*/ 2356981 w 6444000"/>
              <a:gd name="connsiteY21" fmla="*/ 0 h 6444000"/>
              <a:gd name="connsiteX22" fmla="*/ 2664050 w 6444000"/>
              <a:gd name="connsiteY22" fmla="*/ 0 h 6444000"/>
              <a:gd name="connsiteX23" fmla="*/ 2996693 w 6444000"/>
              <a:gd name="connsiteY23" fmla="*/ 0 h 6444000"/>
              <a:gd name="connsiteX24" fmla="*/ 3355935 w 6444000"/>
              <a:gd name="connsiteY24" fmla="*/ 0 h 6444000"/>
              <a:gd name="connsiteX25" fmla="*/ 3742798 w 6444000"/>
              <a:gd name="connsiteY25" fmla="*/ 0 h 6444000"/>
              <a:gd name="connsiteX26" fmla="*/ 4158304 w 6444000"/>
              <a:gd name="connsiteY26" fmla="*/ 0 h 6444000"/>
              <a:gd name="connsiteX27" fmla="*/ 4377119 w 6444000"/>
              <a:gd name="connsiteY27" fmla="*/ 0 h 6444000"/>
              <a:gd name="connsiteX28" fmla="*/ 4603478 w 6444000"/>
              <a:gd name="connsiteY28" fmla="*/ 0 h 6444000"/>
              <a:gd name="connsiteX29" fmla="*/ 4837509 w 6444000"/>
              <a:gd name="connsiteY29" fmla="*/ 0 h 6444000"/>
              <a:gd name="connsiteX30" fmla="*/ 5079341 w 6444000"/>
              <a:gd name="connsiteY30" fmla="*/ 0 h 6444000"/>
              <a:gd name="connsiteX31" fmla="*/ 5329101 w 6444000"/>
              <a:gd name="connsiteY31" fmla="*/ 0 h 6444000"/>
              <a:gd name="connsiteX32" fmla="*/ 5586917 w 6444000"/>
              <a:gd name="connsiteY32" fmla="*/ 0 h 6444000"/>
              <a:gd name="connsiteX33" fmla="*/ 6444000 w 6444000"/>
              <a:gd name="connsiteY33" fmla="*/ 857084 h 6444000"/>
              <a:gd name="connsiteX34" fmla="*/ 6444000 w 6444000"/>
              <a:gd name="connsiteY34" fmla="*/ 858448 h 6444000"/>
              <a:gd name="connsiteX35" fmla="*/ 6444000 w 6444000"/>
              <a:gd name="connsiteY35" fmla="*/ 867996 h 6444000"/>
              <a:gd name="connsiteX36" fmla="*/ 6444000 w 6444000"/>
              <a:gd name="connsiteY36" fmla="*/ 893912 h 6444000"/>
              <a:gd name="connsiteX37" fmla="*/ 6444000 w 6444000"/>
              <a:gd name="connsiteY37" fmla="*/ 915565 h 6444000"/>
              <a:gd name="connsiteX38" fmla="*/ 6444000 w 6444000"/>
              <a:gd name="connsiteY38" fmla="*/ 944379 h 6444000"/>
              <a:gd name="connsiteX39" fmla="*/ 6444000 w 6444000"/>
              <a:gd name="connsiteY39" fmla="*/ 981378 h 6444000"/>
              <a:gd name="connsiteX40" fmla="*/ 6444000 w 6444000"/>
              <a:gd name="connsiteY40" fmla="*/ 1027583 h 6444000"/>
              <a:gd name="connsiteX41" fmla="*/ 6444000 w 6444000"/>
              <a:gd name="connsiteY41" fmla="*/ 1084018 h 6444000"/>
              <a:gd name="connsiteX42" fmla="*/ 6444000 w 6444000"/>
              <a:gd name="connsiteY42" fmla="*/ 1151706 h 6444000"/>
              <a:gd name="connsiteX43" fmla="*/ 6444000 w 6444000"/>
              <a:gd name="connsiteY43" fmla="*/ 1231671 h 6444000"/>
              <a:gd name="connsiteX44" fmla="*/ 6444000 w 6444000"/>
              <a:gd name="connsiteY44" fmla="*/ 1324934 h 6444000"/>
              <a:gd name="connsiteX45" fmla="*/ 6444000 w 6444000"/>
              <a:gd name="connsiteY45" fmla="*/ 1432519 h 6444000"/>
              <a:gd name="connsiteX46" fmla="*/ 6444000 w 6444000"/>
              <a:gd name="connsiteY46" fmla="*/ 1555448 h 6444000"/>
              <a:gd name="connsiteX47" fmla="*/ 6444000 w 6444000"/>
              <a:gd name="connsiteY47" fmla="*/ 1694746 h 6444000"/>
              <a:gd name="connsiteX48" fmla="*/ 6444000 w 6444000"/>
              <a:gd name="connsiteY48" fmla="*/ 1851435 h 6444000"/>
              <a:gd name="connsiteX49" fmla="*/ 6444000 w 6444000"/>
              <a:gd name="connsiteY49" fmla="*/ 2026538 h 6444000"/>
              <a:gd name="connsiteX50" fmla="*/ 6444000 w 6444000"/>
              <a:gd name="connsiteY50" fmla="*/ 2221077 h 6444000"/>
              <a:gd name="connsiteX51" fmla="*/ 6444000 w 6444000"/>
              <a:gd name="connsiteY51" fmla="*/ 2436077 h 6444000"/>
              <a:gd name="connsiteX52" fmla="*/ 6444000 w 6444000"/>
              <a:gd name="connsiteY52" fmla="*/ 2672559 h 6444000"/>
              <a:gd name="connsiteX53" fmla="*/ 6444000 w 6444000"/>
              <a:gd name="connsiteY53" fmla="*/ 2931547 h 6444000"/>
              <a:gd name="connsiteX54" fmla="*/ 6444000 w 6444000"/>
              <a:gd name="connsiteY54" fmla="*/ 3214064 h 6444000"/>
              <a:gd name="connsiteX55" fmla="*/ 6444000 w 6444000"/>
              <a:gd name="connsiteY55" fmla="*/ 3521133 h 6444000"/>
              <a:gd name="connsiteX56" fmla="*/ 6444000 w 6444000"/>
              <a:gd name="connsiteY56" fmla="*/ 3853777 h 6444000"/>
              <a:gd name="connsiteX57" fmla="*/ 6444000 w 6444000"/>
              <a:gd name="connsiteY57" fmla="*/ 4213019 h 6444000"/>
              <a:gd name="connsiteX58" fmla="*/ 6444000 w 6444000"/>
              <a:gd name="connsiteY58" fmla="*/ 4599881 h 6444000"/>
              <a:gd name="connsiteX59" fmla="*/ 6444000 w 6444000"/>
              <a:gd name="connsiteY59" fmla="*/ 5015388 h 6444000"/>
              <a:gd name="connsiteX60" fmla="*/ 6444000 w 6444000"/>
              <a:gd name="connsiteY60" fmla="*/ 5234202 h 6444000"/>
              <a:gd name="connsiteX61" fmla="*/ 6444000 w 6444000"/>
              <a:gd name="connsiteY61" fmla="*/ 5460561 h 6444000"/>
              <a:gd name="connsiteX62" fmla="*/ 6444000 w 6444000"/>
              <a:gd name="connsiteY62" fmla="*/ 5694593 h 6444000"/>
              <a:gd name="connsiteX63" fmla="*/ 6444000 w 6444000"/>
              <a:gd name="connsiteY63" fmla="*/ 5936424 h 6444000"/>
              <a:gd name="connsiteX64" fmla="*/ 6444000 w 6444000"/>
              <a:gd name="connsiteY64" fmla="*/ 6186184 h 6444000"/>
              <a:gd name="connsiteX65" fmla="*/ 6444000 w 6444000"/>
              <a:gd name="connsiteY65" fmla="*/ 6444000 h 6444000"/>
              <a:gd name="connsiteX66" fmla="*/ 6442427 w 6444000"/>
              <a:gd name="connsiteY66" fmla="*/ 6444000 h 6444000"/>
              <a:gd name="connsiteX67" fmla="*/ 6431414 w 6444000"/>
              <a:gd name="connsiteY67" fmla="*/ 6444000 h 6444000"/>
              <a:gd name="connsiteX68" fmla="*/ 6401523 w 6444000"/>
              <a:gd name="connsiteY68" fmla="*/ 6444000 h 6444000"/>
              <a:gd name="connsiteX69" fmla="*/ 6376548 w 6444000"/>
              <a:gd name="connsiteY69" fmla="*/ 6444000 h 6444000"/>
              <a:gd name="connsiteX70" fmla="*/ 6343313 w 6444000"/>
              <a:gd name="connsiteY70" fmla="*/ 6444000 h 6444000"/>
              <a:gd name="connsiteX71" fmla="*/ 6300639 w 6444000"/>
              <a:gd name="connsiteY71" fmla="*/ 6444000 h 6444000"/>
              <a:gd name="connsiteX72" fmla="*/ 6247345 w 6444000"/>
              <a:gd name="connsiteY72" fmla="*/ 6444000 h 6444000"/>
              <a:gd name="connsiteX73" fmla="*/ 6182252 w 6444000"/>
              <a:gd name="connsiteY73" fmla="*/ 6444000 h 6444000"/>
              <a:gd name="connsiteX74" fmla="*/ 6104180 w 6444000"/>
              <a:gd name="connsiteY74" fmla="*/ 6444000 h 6444000"/>
              <a:gd name="connsiteX75" fmla="*/ 6011949 w 6444000"/>
              <a:gd name="connsiteY75" fmla="*/ 6444000 h 6444000"/>
              <a:gd name="connsiteX76" fmla="*/ 5904378 w 6444000"/>
              <a:gd name="connsiteY76" fmla="*/ 6444000 h 6444000"/>
              <a:gd name="connsiteX77" fmla="*/ 5780289 w 6444000"/>
              <a:gd name="connsiteY77" fmla="*/ 6444000 h 6444000"/>
              <a:gd name="connsiteX78" fmla="*/ 5638500 w 6444000"/>
              <a:gd name="connsiteY78" fmla="*/ 6444000 h 6444000"/>
              <a:gd name="connsiteX79" fmla="*/ 5477833 w 6444000"/>
              <a:gd name="connsiteY79" fmla="*/ 6444000 h 6444000"/>
              <a:gd name="connsiteX80" fmla="*/ 5297107 w 6444000"/>
              <a:gd name="connsiteY80" fmla="*/ 6444000 h 6444000"/>
              <a:gd name="connsiteX81" fmla="*/ 5095142 w 6444000"/>
              <a:gd name="connsiteY81" fmla="*/ 6444000 h 6444000"/>
              <a:gd name="connsiteX82" fmla="*/ 4870758 w 6444000"/>
              <a:gd name="connsiteY82" fmla="*/ 6444000 h 6444000"/>
              <a:gd name="connsiteX83" fmla="*/ 4622776 w 6444000"/>
              <a:gd name="connsiteY83" fmla="*/ 6444000 h 6444000"/>
              <a:gd name="connsiteX84" fmla="*/ 4350015 w 6444000"/>
              <a:gd name="connsiteY84" fmla="*/ 6444000 h 6444000"/>
              <a:gd name="connsiteX85" fmla="*/ 4051296 w 6444000"/>
              <a:gd name="connsiteY85" fmla="*/ 6444000 h 6444000"/>
              <a:gd name="connsiteX86" fmla="*/ 3725438 w 6444000"/>
              <a:gd name="connsiteY86" fmla="*/ 6444000 h 6444000"/>
              <a:gd name="connsiteX87" fmla="*/ 3371262 w 6444000"/>
              <a:gd name="connsiteY87" fmla="*/ 6444000 h 6444000"/>
              <a:gd name="connsiteX88" fmla="*/ 3183185 w 6444000"/>
              <a:gd name="connsiteY88" fmla="*/ 6444000 h 6444000"/>
              <a:gd name="connsiteX89" fmla="*/ 2987587 w 6444000"/>
              <a:gd name="connsiteY89" fmla="*/ 6444000 h 6444000"/>
              <a:gd name="connsiteX90" fmla="*/ 2784319 w 6444000"/>
              <a:gd name="connsiteY90" fmla="*/ 6444000 h 6444000"/>
              <a:gd name="connsiteX91" fmla="*/ 2573234 w 6444000"/>
              <a:gd name="connsiteY91" fmla="*/ 6444000 h 6444000"/>
              <a:gd name="connsiteX92" fmla="*/ 2354185 w 6444000"/>
              <a:gd name="connsiteY92" fmla="*/ 6444000 h 6444000"/>
              <a:gd name="connsiteX93" fmla="*/ 2127024 w 6444000"/>
              <a:gd name="connsiteY93" fmla="*/ 6444000 h 6444000"/>
              <a:gd name="connsiteX94" fmla="*/ 1891603 w 6444000"/>
              <a:gd name="connsiteY94" fmla="*/ 6444000 h 6444000"/>
              <a:gd name="connsiteX95" fmla="*/ 1647775 w 6444000"/>
              <a:gd name="connsiteY95" fmla="*/ 6444000 h 6444000"/>
              <a:gd name="connsiteX96" fmla="*/ 1395392 w 6444000"/>
              <a:gd name="connsiteY96" fmla="*/ 6444000 h 6444000"/>
              <a:gd name="connsiteX97" fmla="*/ 1134308 w 6444000"/>
              <a:gd name="connsiteY97" fmla="*/ 6444000 h 6444000"/>
              <a:gd name="connsiteX98" fmla="*/ 864374 w 6444000"/>
              <a:gd name="connsiteY98" fmla="*/ 6444000 h 6444000"/>
              <a:gd name="connsiteX99" fmla="*/ 585443 w 6444000"/>
              <a:gd name="connsiteY99" fmla="*/ 6444000 h 6444000"/>
              <a:gd name="connsiteX100" fmla="*/ 297367 w 6444000"/>
              <a:gd name="connsiteY100" fmla="*/ 6444000 h 6444000"/>
              <a:gd name="connsiteX101" fmla="*/ 0 w 6444000"/>
              <a:gd name="connsiteY101" fmla="*/ 6444000 h 6444000"/>
              <a:gd name="connsiteX102" fmla="*/ 0 w 6444000"/>
              <a:gd name="connsiteY102" fmla="*/ 6442427 h 6444000"/>
              <a:gd name="connsiteX103" fmla="*/ 0 w 6444000"/>
              <a:gd name="connsiteY103" fmla="*/ 6431414 h 6444000"/>
              <a:gd name="connsiteX104" fmla="*/ 0 w 6444000"/>
              <a:gd name="connsiteY104" fmla="*/ 6401523 h 6444000"/>
              <a:gd name="connsiteX105" fmla="*/ 0 w 6444000"/>
              <a:gd name="connsiteY105" fmla="*/ 6376548 h 6444000"/>
              <a:gd name="connsiteX106" fmla="*/ 0 w 6444000"/>
              <a:gd name="connsiteY106" fmla="*/ 6343313 h 6444000"/>
              <a:gd name="connsiteX107" fmla="*/ 0 w 6444000"/>
              <a:gd name="connsiteY107" fmla="*/ 6300639 h 6444000"/>
              <a:gd name="connsiteX108" fmla="*/ 0 w 6444000"/>
              <a:gd name="connsiteY108" fmla="*/ 6247345 h 6444000"/>
              <a:gd name="connsiteX109" fmla="*/ 0 w 6444000"/>
              <a:gd name="connsiteY109" fmla="*/ 6182252 h 6444000"/>
              <a:gd name="connsiteX110" fmla="*/ 0 w 6444000"/>
              <a:gd name="connsiteY110" fmla="*/ 6104180 h 6444000"/>
              <a:gd name="connsiteX111" fmla="*/ 0 w 6444000"/>
              <a:gd name="connsiteY111" fmla="*/ 6011949 h 6444000"/>
              <a:gd name="connsiteX112" fmla="*/ 0 w 6444000"/>
              <a:gd name="connsiteY112" fmla="*/ 5904378 h 6444000"/>
              <a:gd name="connsiteX113" fmla="*/ 0 w 6444000"/>
              <a:gd name="connsiteY113" fmla="*/ 5780289 h 6444000"/>
              <a:gd name="connsiteX114" fmla="*/ 0 w 6444000"/>
              <a:gd name="connsiteY114" fmla="*/ 5638500 h 6444000"/>
              <a:gd name="connsiteX115" fmla="*/ 0 w 6444000"/>
              <a:gd name="connsiteY115" fmla="*/ 5477833 h 6444000"/>
              <a:gd name="connsiteX116" fmla="*/ 0 w 6444000"/>
              <a:gd name="connsiteY116" fmla="*/ 5297107 h 6444000"/>
              <a:gd name="connsiteX117" fmla="*/ 0 w 6444000"/>
              <a:gd name="connsiteY117" fmla="*/ 5095142 h 6444000"/>
              <a:gd name="connsiteX118" fmla="*/ 0 w 6444000"/>
              <a:gd name="connsiteY118" fmla="*/ 4870758 h 6444000"/>
              <a:gd name="connsiteX119" fmla="*/ 0 w 6444000"/>
              <a:gd name="connsiteY119" fmla="*/ 4622776 h 6444000"/>
              <a:gd name="connsiteX120" fmla="*/ 0 w 6444000"/>
              <a:gd name="connsiteY120" fmla="*/ 4350015 h 6444000"/>
              <a:gd name="connsiteX121" fmla="*/ 0 w 6444000"/>
              <a:gd name="connsiteY121" fmla="*/ 4051296 h 6444000"/>
              <a:gd name="connsiteX122" fmla="*/ 0 w 6444000"/>
              <a:gd name="connsiteY122" fmla="*/ 3725438 h 6444000"/>
              <a:gd name="connsiteX123" fmla="*/ 0 w 6444000"/>
              <a:gd name="connsiteY123" fmla="*/ 3371262 h 6444000"/>
              <a:gd name="connsiteX124" fmla="*/ 0 w 6444000"/>
              <a:gd name="connsiteY124" fmla="*/ 3183185 h 6444000"/>
              <a:gd name="connsiteX125" fmla="*/ 0 w 6444000"/>
              <a:gd name="connsiteY125" fmla="*/ 2987587 h 6444000"/>
              <a:gd name="connsiteX126" fmla="*/ 0 w 6444000"/>
              <a:gd name="connsiteY126" fmla="*/ 2784319 h 6444000"/>
              <a:gd name="connsiteX127" fmla="*/ 0 w 6444000"/>
              <a:gd name="connsiteY127" fmla="*/ 2573234 h 6444000"/>
              <a:gd name="connsiteX128" fmla="*/ 0 w 6444000"/>
              <a:gd name="connsiteY128" fmla="*/ 2354185 h 6444000"/>
              <a:gd name="connsiteX129" fmla="*/ 0 w 6444000"/>
              <a:gd name="connsiteY129" fmla="*/ 2127024 h 6444000"/>
              <a:gd name="connsiteX130" fmla="*/ 0 w 6444000"/>
              <a:gd name="connsiteY130" fmla="*/ 1891603 h 6444000"/>
              <a:gd name="connsiteX131" fmla="*/ 0 w 6444000"/>
              <a:gd name="connsiteY131" fmla="*/ 1647775 h 6444000"/>
              <a:gd name="connsiteX132" fmla="*/ 0 w 6444000"/>
              <a:gd name="connsiteY132" fmla="*/ 1395392 h 6444000"/>
              <a:gd name="connsiteX133" fmla="*/ 0 w 6444000"/>
              <a:gd name="connsiteY133" fmla="*/ 1134308 h 6444000"/>
              <a:gd name="connsiteX134" fmla="*/ 0 w 6444000"/>
              <a:gd name="connsiteY134" fmla="*/ 864374 h 6444000"/>
              <a:gd name="connsiteX135" fmla="*/ 0 w 6444000"/>
              <a:gd name="connsiteY135" fmla="*/ 585443 h 6444000"/>
              <a:gd name="connsiteX136" fmla="*/ 0 w 6444000"/>
              <a:gd name="connsiteY136" fmla="*/ 297367 h 644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</a:cxnLst>
            <a:rect l="l" t="t" r="r" b="b"/>
            <a:pathLst>
              <a:path w="6444000" h="6444000">
                <a:moveTo>
                  <a:pt x="0" y="0"/>
                </a:moveTo>
                <a:lnTo>
                  <a:pt x="1364" y="0"/>
                </a:lnTo>
                <a:lnTo>
                  <a:pt x="10912" y="0"/>
                </a:lnTo>
                <a:lnTo>
                  <a:pt x="36828" y="0"/>
                </a:lnTo>
                <a:lnTo>
                  <a:pt x="58481" y="0"/>
                </a:lnTo>
                <a:lnTo>
                  <a:pt x="87296" y="0"/>
                </a:lnTo>
                <a:lnTo>
                  <a:pt x="124294" y="0"/>
                </a:lnTo>
                <a:lnTo>
                  <a:pt x="170499" y="0"/>
                </a:lnTo>
                <a:lnTo>
                  <a:pt x="226935" y="0"/>
                </a:lnTo>
                <a:lnTo>
                  <a:pt x="294623" y="0"/>
                </a:lnTo>
                <a:lnTo>
                  <a:pt x="374587" y="0"/>
                </a:lnTo>
                <a:lnTo>
                  <a:pt x="467850" y="0"/>
                </a:lnTo>
                <a:lnTo>
                  <a:pt x="575435" y="0"/>
                </a:lnTo>
                <a:lnTo>
                  <a:pt x="698365" y="0"/>
                </a:lnTo>
                <a:lnTo>
                  <a:pt x="837663" y="0"/>
                </a:lnTo>
                <a:lnTo>
                  <a:pt x="994351" y="0"/>
                </a:lnTo>
                <a:lnTo>
                  <a:pt x="1169454" y="0"/>
                </a:lnTo>
                <a:lnTo>
                  <a:pt x="1363993" y="0"/>
                </a:lnTo>
                <a:lnTo>
                  <a:pt x="1578993" y="0"/>
                </a:lnTo>
                <a:lnTo>
                  <a:pt x="1815475" y="0"/>
                </a:lnTo>
                <a:lnTo>
                  <a:pt x="2074464" y="0"/>
                </a:lnTo>
                <a:lnTo>
                  <a:pt x="2356981" y="0"/>
                </a:lnTo>
                <a:lnTo>
                  <a:pt x="2664050" y="0"/>
                </a:lnTo>
                <a:lnTo>
                  <a:pt x="2996693" y="0"/>
                </a:lnTo>
                <a:lnTo>
                  <a:pt x="3355935" y="0"/>
                </a:lnTo>
                <a:lnTo>
                  <a:pt x="3742798" y="0"/>
                </a:lnTo>
                <a:lnTo>
                  <a:pt x="4158304" y="0"/>
                </a:lnTo>
                <a:lnTo>
                  <a:pt x="4377119" y="0"/>
                </a:lnTo>
                <a:lnTo>
                  <a:pt x="4603478" y="0"/>
                </a:lnTo>
                <a:lnTo>
                  <a:pt x="4837509" y="0"/>
                </a:lnTo>
                <a:lnTo>
                  <a:pt x="5079341" y="0"/>
                </a:lnTo>
                <a:lnTo>
                  <a:pt x="5329101" y="0"/>
                </a:lnTo>
                <a:lnTo>
                  <a:pt x="5586917" y="0"/>
                </a:lnTo>
                <a:cubicBezTo>
                  <a:pt x="5923401" y="336485"/>
                  <a:pt x="6110690" y="523774"/>
                  <a:pt x="6444000" y="857084"/>
                </a:cubicBezTo>
                <a:lnTo>
                  <a:pt x="6444000" y="858448"/>
                </a:lnTo>
                <a:lnTo>
                  <a:pt x="6444000" y="867996"/>
                </a:lnTo>
                <a:lnTo>
                  <a:pt x="6444000" y="893912"/>
                </a:lnTo>
                <a:lnTo>
                  <a:pt x="6444000" y="915565"/>
                </a:lnTo>
                <a:lnTo>
                  <a:pt x="6444000" y="944379"/>
                </a:lnTo>
                <a:lnTo>
                  <a:pt x="6444000" y="981378"/>
                </a:lnTo>
                <a:lnTo>
                  <a:pt x="6444000" y="1027583"/>
                </a:lnTo>
                <a:lnTo>
                  <a:pt x="6444000" y="1084018"/>
                </a:lnTo>
                <a:lnTo>
                  <a:pt x="6444000" y="1151706"/>
                </a:lnTo>
                <a:lnTo>
                  <a:pt x="6444000" y="1231671"/>
                </a:lnTo>
                <a:lnTo>
                  <a:pt x="6444000" y="1324934"/>
                </a:lnTo>
                <a:lnTo>
                  <a:pt x="6444000" y="1432519"/>
                </a:lnTo>
                <a:lnTo>
                  <a:pt x="6444000" y="1555448"/>
                </a:lnTo>
                <a:lnTo>
                  <a:pt x="6444000" y="1694746"/>
                </a:lnTo>
                <a:lnTo>
                  <a:pt x="6444000" y="1851435"/>
                </a:lnTo>
                <a:lnTo>
                  <a:pt x="6444000" y="2026538"/>
                </a:lnTo>
                <a:lnTo>
                  <a:pt x="6444000" y="2221077"/>
                </a:lnTo>
                <a:lnTo>
                  <a:pt x="6444000" y="2436077"/>
                </a:lnTo>
                <a:lnTo>
                  <a:pt x="6444000" y="2672559"/>
                </a:lnTo>
                <a:lnTo>
                  <a:pt x="6444000" y="2931547"/>
                </a:lnTo>
                <a:lnTo>
                  <a:pt x="6444000" y="3214064"/>
                </a:lnTo>
                <a:lnTo>
                  <a:pt x="6444000" y="3521133"/>
                </a:lnTo>
                <a:lnTo>
                  <a:pt x="6444000" y="3853777"/>
                </a:lnTo>
                <a:lnTo>
                  <a:pt x="6444000" y="4213019"/>
                </a:lnTo>
                <a:lnTo>
                  <a:pt x="6444000" y="4599881"/>
                </a:lnTo>
                <a:lnTo>
                  <a:pt x="6444000" y="5015388"/>
                </a:lnTo>
                <a:lnTo>
                  <a:pt x="6444000" y="5234202"/>
                </a:lnTo>
                <a:lnTo>
                  <a:pt x="6444000" y="5460561"/>
                </a:lnTo>
                <a:lnTo>
                  <a:pt x="6444000" y="5694593"/>
                </a:lnTo>
                <a:lnTo>
                  <a:pt x="6444000" y="5936424"/>
                </a:lnTo>
                <a:lnTo>
                  <a:pt x="6444000" y="6186184"/>
                </a:lnTo>
                <a:lnTo>
                  <a:pt x="6444000" y="6444000"/>
                </a:lnTo>
                <a:lnTo>
                  <a:pt x="6442427" y="6444000"/>
                </a:lnTo>
                <a:lnTo>
                  <a:pt x="6431414" y="6444000"/>
                </a:lnTo>
                <a:lnTo>
                  <a:pt x="6401523" y="6444000"/>
                </a:lnTo>
                <a:lnTo>
                  <a:pt x="6376548" y="6444000"/>
                </a:lnTo>
                <a:lnTo>
                  <a:pt x="6343313" y="6444000"/>
                </a:lnTo>
                <a:lnTo>
                  <a:pt x="6300639" y="6444000"/>
                </a:lnTo>
                <a:lnTo>
                  <a:pt x="6247345" y="6444000"/>
                </a:lnTo>
                <a:lnTo>
                  <a:pt x="6182252" y="6444000"/>
                </a:lnTo>
                <a:lnTo>
                  <a:pt x="6104180" y="6444000"/>
                </a:lnTo>
                <a:lnTo>
                  <a:pt x="6011949" y="6444000"/>
                </a:lnTo>
                <a:lnTo>
                  <a:pt x="5904378" y="6444000"/>
                </a:lnTo>
                <a:lnTo>
                  <a:pt x="5780289" y="6444000"/>
                </a:lnTo>
                <a:lnTo>
                  <a:pt x="5638500" y="6444000"/>
                </a:lnTo>
                <a:lnTo>
                  <a:pt x="5477833" y="6444000"/>
                </a:lnTo>
                <a:lnTo>
                  <a:pt x="5297107" y="6444000"/>
                </a:lnTo>
                <a:lnTo>
                  <a:pt x="5095142" y="6444000"/>
                </a:lnTo>
                <a:lnTo>
                  <a:pt x="4870758" y="6444000"/>
                </a:lnTo>
                <a:lnTo>
                  <a:pt x="4622776" y="6444000"/>
                </a:lnTo>
                <a:lnTo>
                  <a:pt x="4350015" y="6444000"/>
                </a:lnTo>
                <a:lnTo>
                  <a:pt x="4051296" y="6444000"/>
                </a:lnTo>
                <a:lnTo>
                  <a:pt x="3725438" y="6444000"/>
                </a:lnTo>
                <a:lnTo>
                  <a:pt x="3371262" y="6444000"/>
                </a:lnTo>
                <a:lnTo>
                  <a:pt x="3183185" y="6444000"/>
                </a:lnTo>
                <a:lnTo>
                  <a:pt x="2987587" y="6444000"/>
                </a:lnTo>
                <a:lnTo>
                  <a:pt x="2784319" y="6444000"/>
                </a:lnTo>
                <a:lnTo>
                  <a:pt x="2573234" y="6444000"/>
                </a:lnTo>
                <a:lnTo>
                  <a:pt x="2354185" y="6444000"/>
                </a:lnTo>
                <a:lnTo>
                  <a:pt x="2127024" y="6444000"/>
                </a:lnTo>
                <a:lnTo>
                  <a:pt x="1891603" y="6444000"/>
                </a:lnTo>
                <a:lnTo>
                  <a:pt x="1647775" y="6444000"/>
                </a:lnTo>
                <a:lnTo>
                  <a:pt x="1395392" y="6444000"/>
                </a:lnTo>
                <a:lnTo>
                  <a:pt x="1134308" y="6444000"/>
                </a:lnTo>
                <a:lnTo>
                  <a:pt x="864374" y="6444000"/>
                </a:lnTo>
                <a:lnTo>
                  <a:pt x="585443" y="6444000"/>
                </a:lnTo>
                <a:lnTo>
                  <a:pt x="297367" y="6444000"/>
                </a:lnTo>
                <a:lnTo>
                  <a:pt x="0" y="6444000"/>
                </a:lnTo>
                <a:lnTo>
                  <a:pt x="0" y="6442427"/>
                </a:lnTo>
                <a:lnTo>
                  <a:pt x="0" y="6431414"/>
                </a:lnTo>
                <a:lnTo>
                  <a:pt x="0" y="6401523"/>
                </a:lnTo>
                <a:lnTo>
                  <a:pt x="0" y="6376548"/>
                </a:lnTo>
                <a:lnTo>
                  <a:pt x="0" y="6343313"/>
                </a:lnTo>
                <a:lnTo>
                  <a:pt x="0" y="6300639"/>
                </a:lnTo>
                <a:lnTo>
                  <a:pt x="0" y="6247345"/>
                </a:lnTo>
                <a:lnTo>
                  <a:pt x="0" y="6182252"/>
                </a:lnTo>
                <a:lnTo>
                  <a:pt x="0" y="6104180"/>
                </a:lnTo>
                <a:lnTo>
                  <a:pt x="0" y="6011949"/>
                </a:lnTo>
                <a:lnTo>
                  <a:pt x="0" y="5904378"/>
                </a:lnTo>
                <a:lnTo>
                  <a:pt x="0" y="5780289"/>
                </a:lnTo>
                <a:lnTo>
                  <a:pt x="0" y="5638500"/>
                </a:lnTo>
                <a:lnTo>
                  <a:pt x="0" y="5477833"/>
                </a:lnTo>
                <a:lnTo>
                  <a:pt x="0" y="5297107"/>
                </a:lnTo>
                <a:lnTo>
                  <a:pt x="0" y="5095142"/>
                </a:lnTo>
                <a:lnTo>
                  <a:pt x="0" y="4870758"/>
                </a:lnTo>
                <a:lnTo>
                  <a:pt x="0" y="4622776"/>
                </a:lnTo>
                <a:lnTo>
                  <a:pt x="0" y="4350015"/>
                </a:lnTo>
                <a:lnTo>
                  <a:pt x="0" y="4051296"/>
                </a:lnTo>
                <a:lnTo>
                  <a:pt x="0" y="3725438"/>
                </a:lnTo>
                <a:lnTo>
                  <a:pt x="0" y="3371262"/>
                </a:lnTo>
                <a:lnTo>
                  <a:pt x="0" y="3183185"/>
                </a:lnTo>
                <a:lnTo>
                  <a:pt x="0" y="2987587"/>
                </a:lnTo>
                <a:lnTo>
                  <a:pt x="0" y="2784319"/>
                </a:lnTo>
                <a:lnTo>
                  <a:pt x="0" y="2573234"/>
                </a:lnTo>
                <a:lnTo>
                  <a:pt x="0" y="2354185"/>
                </a:lnTo>
                <a:lnTo>
                  <a:pt x="0" y="2127024"/>
                </a:lnTo>
                <a:lnTo>
                  <a:pt x="0" y="1891603"/>
                </a:lnTo>
                <a:lnTo>
                  <a:pt x="0" y="1647775"/>
                </a:lnTo>
                <a:lnTo>
                  <a:pt x="0" y="1395392"/>
                </a:lnTo>
                <a:lnTo>
                  <a:pt x="0" y="1134308"/>
                </a:lnTo>
                <a:lnTo>
                  <a:pt x="0" y="864374"/>
                </a:lnTo>
                <a:lnTo>
                  <a:pt x="0" y="585443"/>
                </a:lnTo>
                <a:lnTo>
                  <a:pt x="0" y="297367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180000" tIns="180000" anchor="t" anchorCtr="0">
            <a:noAutofit/>
          </a:bodyPr>
          <a:lstStyle>
            <a:lvl1pPr marL="0" indent="0" algn="l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95650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si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 hasCustomPrompt="1"/>
          </p:nvPr>
        </p:nvSpPr>
        <p:spPr>
          <a:xfrm>
            <a:off x="5535750" y="1535759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101000"/>
              </a:lnSpc>
              <a:defRPr sz="1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”Indsæt citat”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 hasCustomPrompt="1"/>
          </p:nvPr>
        </p:nvSpPr>
        <p:spPr>
          <a:xfrm>
            <a:off x="5535450" y="4337264"/>
            <a:ext cx="3780000" cy="835761"/>
          </a:xfrm>
        </p:spPr>
        <p:txBody>
          <a:bodyPr lIns="216000" rIns="612000"/>
          <a:lstStyle>
            <a:lvl1pPr marL="0" indent="0">
              <a:lnSpc>
                <a:spcPct val="95000"/>
              </a:lnSpc>
              <a:spcAft>
                <a:spcPts val="0"/>
              </a:spcAft>
              <a:buFontTx/>
              <a:buNone/>
              <a:defRPr sz="1800"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navn og titel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4204800"/>
            <a:ext cx="2448000" cy="2448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2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5" name="Rectangle 14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Rectangle 17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4394983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 hasCustomPrompt="1"/>
          </p:nvPr>
        </p:nvSpPr>
        <p:spPr>
          <a:xfrm>
            <a:off x="5535750" y="1535759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101000"/>
              </a:lnSpc>
              <a:defRPr sz="1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”Indsæt citat”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 hasCustomPrompt="1"/>
          </p:nvPr>
        </p:nvSpPr>
        <p:spPr>
          <a:xfrm>
            <a:off x="5535450" y="4337264"/>
            <a:ext cx="3780000" cy="835761"/>
          </a:xfrm>
        </p:spPr>
        <p:txBody>
          <a:bodyPr lIns="216000" rIns="612000"/>
          <a:lstStyle>
            <a:lvl1pPr marL="0" indent="0">
              <a:lnSpc>
                <a:spcPct val="95000"/>
              </a:lnSpc>
              <a:spcAft>
                <a:spcPts val="500"/>
              </a:spcAft>
              <a:buFontTx/>
              <a:buNone/>
              <a:defRPr sz="1800"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navn og titel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4204800"/>
            <a:ext cx="2448000" cy="2448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20" name="Rectangle 19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Rectangle 21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1433511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gur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3" name="Text Placeholder 12"/>
          <p:cNvSpPr>
            <a:spLocks noGrp="1" noChangeAspect="1"/>
          </p:cNvSpPr>
          <p:nvPr>
            <p:ph type="body" sz="quarter" idx="13"/>
          </p:nvPr>
        </p:nvSpPr>
        <p:spPr>
          <a:xfrm>
            <a:off x="778302" y="2291246"/>
            <a:ext cx="1692000" cy="1692000"/>
          </a:xfrm>
          <a:prstGeom prst="ellipse">
            <a:avLst/>
          </a:prstGeom>
          <a:solidFill>
            <a:schemeClr val="accent6"/>
          </a:solidFill>
        </p:spPr>
        <p:txBody>
          <a:bodyPr anchor="ctr" anchorCtr="0"/>
          <a:lstStyle>
            <a:lvl1pPr marL="0" indent="0" algn="ctr">
              <a:buNone/>
              <a:defRPr sz="2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4" name="Text Placeholder 12"/>
          <p:cNvSpPr>
            <a:spLocks noGrp="1" noChangeAspect="1"/>
          </p:cNvSpPr>
          <p:nvPr>
            <p:ph type="body" sz="quarter" idx="14"/>
          </p:nvPr>
        </p:nvSpPr>
        <p:spPr>
          <a:xfrm>
            <a:off x="1433151" y="4172818"/>
            <a:ext cx="2052000" cy="2052000"/>
          </a:xfrm>
          <a:prstGeom prst="ellipse">
            <a:avLst/>
          </a:prstGeom>
          <a:solidFill>
            <a:schemeClr val="accent2"/>
          </a:solidFill>
        </p:spPr>
        <p:txBody>
          <a:bodyPr anchor="ctr" anchorCtr="0"/>
          <a:lstStyle>
            <a:lvl1pPr marL="0" indent="0" algn="ctr">
              <a:buNone/>
              <a:defRPr sz="2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5" name="Text Placeholder 12"/>
          <p:cNvSpPr>
            <a:spLocks noGrp="1" noChangeAspect="1"/>
          </p:cNvSpPr>
          <p:nvPr>
            <p:ph type="body" sz="quarter" idx="15"/>
          </p:nvPr>
        </p:nvSpPr>
        <p:spPr>
          <a:xfrm>
            <a:off x="4019590" y="2242546"/>
            <a:ext cx="792000" cy="792000"/>
          </a:xfrm>
          <a:prstGeom prst="ellipse">
            <a:avLst/>
          </a:prstGeom>
          <a:solidFill>
            <a:schemeClr val="accent5"/>
          </a:solidFill>
        </p:spPr>
        <p:txBody>
          <a:bodyPr anchor="ctr" anchorCtr="0"/>
          <a:lstStyle>
            <a:lvl1pPr marL="0" indent="0" algn="ctr">
              <a:buNone/>
              <a:defRPr sz="1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6" name="Text Placeholder 12"/>
          <p:cNvSpPr>
            <a:spLocks noGrp="1" noChangeAspect="1"/>
          </p:cNvSpPr>
          <p:nvPr>
            <p:ph type="body" sz="quarter" idx="16"/>
          </p:nvPr>
        </p:nvSpPr>
        <p:spPr>
          <a:xfrm>
            <a:off x="8016602" y="2556892"/>
            <a:ext cx="864000" cy="864000"/>
          </a:xfrm>
          <a:prstGeom prst="ellipse">
            <a:avLst/>
          </a:prstGeom>
          <a:solidFill>
            <a:schemeClr val="accent6"/>
          </a:solidFill>
        </p:spPr>
        <p:txBody>
          <a:bodyPr anchor="ctr" anchorCtr="0"/>
          <a:lstStyle>
            <a:lvl1pPr marL="0" indent="0" algn="ctr">
              <a:buNone/>
              <a:defRPr sz="1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7" name="Text Placeholder 12"/>
          <p:cNvSpPr>
            <a:spLocks noGrp="1" noChangeAspect="1"/>
          </p:cNvSpPr>
          <p:nvPr>
            <p:ph type="body" sz="quarter" idx="17"/>
          </p:nvPr>
        </p:nvSpPr>
        <p:spPr>
          <a:xfrm>
            <a:off x="3191930" y="3201621"/>
            <a:ext cx="1008000" cy="1008000"/>
          </a:xfrm>
          <a:prstGeom prst="ellipse">
            <a:avLst/>
          </a:prstGeom>
          <a:solidFill>
            <a:schemeClr val="accent4"/>
          </a:solidFill>
        </p:spPr>
        <p:txBody>
          <a:bodyPr anchor="ctr" anchorCtr="0"/>
          <a:lstStyle>
            <a:lvl1pPr marL="0" indent="0" algn="ctr">
              <a:buNone/>
              <a:defRPr sz="12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8" name="Text Placeholder 12"/>
          <p:cNvSpPr>
            <a:spLocks noGrp="1" noChangeAspect="1"/>
          </p:cNvSpPr>
          <p:nvPr>
            <p:ph type="body" sz="quarter" idx="18"/>
          </p:nvPr>
        </p:nvSpPr>
        <p:spPr>
          <a:xfrm>
            <a:off x="3868437" y="4717664"/>
            <a:ext cx="1368000" cy="1368000"/>
          </a:xfrm>
          <a:prstGeom prst="ellipse">
            <a:avLst/>
          </a:prstGeom>
          <a:solidFill>
            <a:schemeClr val="accent1"/>
          </a:solidFill>
        </p:spPr>
        <p:txBody>
          <a:bodyPr anchor="ctr" anchorCtr="0"/>
          <a:lstStyle>
            <a:lvl1pPr marL="0" indent="0" algn="ctr">
              <a:buNone/>
              <a:defRPr sz="16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9" name="Text Placeholder 12"/>
          <p:cNvSpPr>
            <a:spLocks noGrp="1" noChangeAspect="1"/>
          </p:cNvSpPr>
          <p:nvPr>
            <p:ph type="body" sz="quarter" idx="19"/>
          </p:nvPr>
        </p:nvSpPr>
        <p:spPr>
          <a:xfrm>
            <a:off x="7322277" y="4956214"/>
            <a:ext cx="1224000" cy="1224000"/>
          </a:xfrm>
          <a:prstGeom prst="ellipse">
            <a:avLst/>
          </a:prstGeom>
          <a:solidFill>
            <a:schemeClr val="accent2"/>
          </a:solidFill>
        </p:spPr>
        <p:txBody>
          <a:bodyPr anchor="ctr" anchorCtr="0"/>
          <a:lstStyle>
            <a:lvl1pPr marL="0" indent="0" algn="ctr">
              <a:buNone/>
              <a:defRPr sz="1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0" name="Text Placeholder 12"/>
          <p:cNvSpPr>
            <a:spLocks noGrp="1" noChangeAspect="1"/>
          </p:cNvSpPr>
          <p:nvPr>
            <p:ph type="body" sz="quarter" idx="20"/>
          </p:nvPr>
        </p:nvSpPr>
        <p:spPr>
          <a:xfrm>
            <a:off x="8948274" y="4637060"/>
            <a:ext cx="1440000" cy="1440000"/>
          </a:xfrm>
          <a:prstGeom prst="ellipse">
            <a:avLst/>
          </a:prstGeom>
          <a:solidFill>
            <a:schemeClr val="accent3"/>
          </a:solidFill>
        </p:spPr>
        <p:txBody>
          <a:bodyPr anchor="ctr" anchorCtr="0"/>
          <a:lstStyle>
            <a:lvl1pPr marL="0" indent="0" algn="ctr">
              <a:buNone/>
              <a:defRPr sz="16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1" name="Text Placeholder 12"/>
          <p:cNvSpPr>
            <a:spLocks noGrp="1" noChangeAspect="1"/>
          </p:cNvSpPr>
          <p:nvPr>
            <p:ph type="body" sz="quarter" idx="21"/>
          </p:nvPr>
        </p:nvSpPr>
        <p:spPr>
          <a:xfrm>
            <a:off x="4921558" y="2424588"/>
            <a:ext cx="2808000" cy="2808000"/>
          </a:xfrm>
          <a:prstGeom prst="ellipse">
            <a:avLst/>
          </a:prstGeom>
          <a:solidFill>
            <a:schemeClr val="accent3"/>
          </a:solidFill>
        </p:spPr>
        <p:txBody>
          <a:bodyPr anchor="ctr" anchorCtr="0"/>
          <a:lstStyle>
            <a:lvl1pPr marL="0" indent="0" algn="ctr">
              <a:buNone/>
              <a:defRPr sz="32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2" name="Text Placeholder 12"/>
          <p:cNvSpPr>
            <a:spLocks noGrp="1" noChangeAspect="1"/>
          </p:cNvSpPr>
          <p:nvPr>
            <p:ph type="body" sz="quarter" idx="22"/>
          </p:nvPr>
        </p:nvSpPr>
        <p:spPr>
          <a:xfrm>
            <a:off x="9248544" y="2288628"/>
            <a:ext cx="2124000" cy="2124000"/>
          </a:xfrm>
          <a:prstGeom prst="ellipse">
            <a:avLst/>
          </a:prstGeom>
          <a:solidFill>
            <a:schemeClr val="accent5"/>
          </a:solidFill>
        </p:spPr>
        <p:txBody>
          <a:bodyPr anchor="ctr" anchorCtr="0"/>
          <a:lstStyle>
            <a:lvl1pPr marL="0" indent="0" algn="ctr">
              <a:buNone/>
              <a:defRPr sz="2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 (B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</p:spPr>
        <p:txBody>
          <a:bodyPr anchor="b"/>
          <a:lstStyle>
            <a:lvl1pPr algn="l">
              <a:defRPr sz="48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55650" y="5510785"/>
            <a:ext cx="4563482" cy="391432"/>
          </a:xfrm>
        </p:spPr>
        <p:txBody>
          <a:bodyPr anchor="b" anchorCtr="0"/>
          <a:lstStyle>
            <a:lvl1pPr marL="0" indent="0">
              <a:lnSpc>
                <a:spcPct val="104000"/>
              </a:lnSpc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7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6862642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22" name="Content Placeholder 5"/>
          <p:cNvSpPr>
            <a:spLocks noGrp="1"/>
          </p:cNvSpPr>
          <p:nvPr>
            <p:ph sz="quarter" idx="18" hasCustomPrompt="1"/>
          </p:nvPr>
        </p:nvSpPr>
        <p:spPr>
          <a:xfrm>
            <a:off x="8199472" y="2872800"/>
            <a:ext cx="2448000" cy="244800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24" name="Bogstav S"/>
          <p:cNvSpPr/>
          <p:nvPr userDrawn="1"/>
        </p:nvSpPr>
        <p:spPr>
          <a:xfrm>
            <a:off x="5532784" y="5539239"/>
            <a:ext cx="2448000" cy="1327939"/>
          </a:xfrm>
          <a:custGeom>
            <a:avLst/>
            <a:gdLst>
              <a:gd name="connsiteX0" fmla="*/ 327035 w 2448000"/>
              <a:gd name="connsiteY0" fmla="*/ 0 h 1327939"/>
              <a:gd name="connsiteX1" fmla="*/ 331178 w 2448000"/>
              <a:gd name="connsiteY1" fmla="*/ 0 h 1327939"/>
              <a:gd name="connsiteX2" fmla="*/ 360175 w 2448000"/>
              <a:gd name="connsiteY2" fmla="*/ 0 h 1327939"/>
              <a:gd name="connsiteX3" fmla="*/ 391762 w 2448000"/>
              <a:gd name="connsiteY3" fmla="*/ 0 h 1327939"/>
              <a:gd name="connsiteX4" fmla="*/ 438883 w 2448000"/>
              <a:gd name="connsiteY4" fmla="*/ 0 h 1327939"/>
              <a:gd name="connsiteX5" fmla="*/ 504645 w 2448000"/>
              <a:gd name="connsiteY5" fmla="*/ 0 h 1327939"/>
              <a:gd name="connsiteX6" fmla="*/ 592156 w 2448000"/>
              <a:gd name="connsiteY6" fmla="*/ 0 h 1327939"/>
              <a:gd name="connsiteX7" fmla="*/ 704521 w 2448000"/>
              <a:gd name="connsiteY7" fmla="*/ 0 h 1327939"/>
              <a:gd name="connsiteX8" fmla="*/ 844849 w 2448000"/>
              <a:gd name="connsiteY8" fmla="*/ 0 h 1327939"/>
              <a:gd name="connsiteX9" fmla="*/ 1016245 w 2448000"/>
              <a:gd name="connsiteY9" fmla="*/ 0 h 1327939"/>
              <a:gd name="connsiteX10" fmla="*/ 1221817 w 2448000"/>
              <a:gd name="connsiteY10" fmla="*/ 0 h 1327939"/>
              <a:gd name="connsiteX11" fmla="*/ 1464672 w 2448000"/>
              <a:gd name="connsiteY11" fmla="*/ 0 h 1327939"/>
              <a:gd name="connsiteX12" fmla="*/ 1747916 w 2448000"/>
              <a:gd name="connsiteY12" fmla="*/ 0 h 1327939"/>
              <a:gd name="connsiteX13" fmla="*/ 2074656 w 2448000"/>
              <a:gd name="connsiteY13" fmla="*/ 0 h 1327939"/>
              <a:gd name="connsiteX14" fmla="*/ 2448000 w 2448000"/>
              <a:gd name="connsiteY14" fmla="*/ 0 h 1327939"/>
              <a:gd name="connsiteX15" fmla="*/ 2448000 w 2448000"/>
              <a:gd name="connsiteY15" fmla="*/ 1203 h 1327939"/>
              <a:gd name="connsiteX16" fmla="*/ 2448000 w 2448000"/>
              <a:gd name="connsiteY16" fmla="*/ 9626 h 1327939"/>
              <a:gd name="connsiteX17" fmla="*/ 2448000 w 2448000"/>
              <a:gd name="connsiteY17" fmla="*/ 32489 h 1327939"/>
              <a:gd name="connsiteX18" fmla="*/ 2448000 w 2448000"/>
              <a:gd name="connsiteY18" fmla="*/ 77011 h 1327939"/>
              <a:gd name="connsiteX19" fmla="*/ 2448000 w 2448000"/>
              <a:gd name="connsiteY19" fmla="*/ 109650 h 1327939"/>
              <a:gd name="connsiteX20" fmla="*/ 2448000 w 2448000"/>
              <a:gd name="connsiteY20" fmla="*/ 150412 h 1327939"/>
              <a:gd name="connsiteX21" fmla="*/ 2448000 w 2448000"/>
              <a:gd name="connsiteY21" fmla="*/ 200198 h 1327939"/>
              <a:gd name="connsiteX22" fmla="*/ 2448000 w 2448000"/>
              <a:gd name="connsiteY22" fmla="*/ 259912 h 1327939"/>
              <a:gd name="connsiteX23" fmla="*/ 2448000 w 2448000"/>
              <a:gd name="connsiteY23" fmla="*/ 330455 h 1327939"/>
              <a:gd name="connsiteX24" fmla="*/ 2448000 w 2448000"/>
              <a:gd name="connsiteY24" fmla="*/ 412730 h 1327939"/>
              <a:gd name="connsiteX25" fmla="*/ 2448000 w 2448000"/>
              <a:gd name="connsiteY25" fmla="*/ 507640 h 1327939"/>
              <a:gd name="connsiteX26" fmla="*/ 2448000 w 2448000"/>
              <a:gd name="connsiteY26" fmla="*/ 616087 h 1327939"/>
              <a:gd name="connsiteX27" fmla="*/ 898553 w 2448000"/>
              <a:gd name="connsiteY27" fmla="*/ 616087 h 1327939"/>
              <a:gd name="connsiteX28" fmla="*/ 898553 w 2448000"/>
              <a:gd name="connsiteY28" fmla="*/ 922535 h 1327939"/>
              <a:gd name="connsiteX29" fmla="*/ 2120965 w 2448000"/>
              <a:gd name="connsiteY29" fmla="*/ 922535 h 1327939"/>
              <a:gd name="connsiteX30" fmla="*/ 2448000 w 2448000"/>
              <a:gd name="connsiteY30" fmla="*/ 1251327 h 1327939"/>
              <a:gd name="connsiteX31" fmla="*/ 2448000 w 2448000"/>
              <a:gd name="connsiteY31" fmla="*/ 1252524 h 1327939"/>
              <a:gd name="connsiteX32" fmla="*/ 2448000 w 2448000"/>
              <a:gd name="connsiteY32" fmla="*/ 1260904 h 1327939"/>
              <a:gd name="connsiteX33" fmla="*/ 2448000 w 2448000"/>
              <a:gd name="connsiteY33" fmla="*/ 1283648 h 1327939"/>
              <a:gd name="connsiteX34" fmla="*/ 2448000 w 2448000"/>
              <a:gd name="connsiteY34" fmla="*/ 1327939 h 1327939"/>
              <a:gd name="connsiteX35" fmla="*/ 117479 w 2448000"/>
              <a:gd name="connsiteY35" fmla="*/ 1327939 h 1327939"/>
              <a:gd name="connsiteX36" fmla="*/ 0 w 2448000"/>
              <a:gd name="connsiteY36" fmla="*/ 1209829 h 1327939"/>
              <a:gd name="connsiteX37" fmla="*/ 0 w 2448000"/>
              <a:gd name="connsiteY37" fmla="*/ 1208108 h 1327939"/>
              <a:gd name="connsiteX38" fmla="*/ 0 w 2448000"/>
              <a:gd name="connsiteY38" fmla="*/ 1196063 h 1327939"/>
              <a:gd name="connsiteX39" fmla="*/ 0 w 2448000"/>
              <a:gd name="connsiteY39" fmla="*/ 1182942 h 1327939"/>
              <a:gd name="connsiteX40" fmla="*/ 0 w 2448000"/>
              <a:gd name="connsiteY40" fmla="*/ 1163368 h 1327939"/>
              <a:gd name="connsiteX41" fmla="*/ 0 w 2448000"/>
              <a:gd name="connsiteY41" fmla="*/ 1136051 h 1327939"/>
              <a:gd name="connsiteX42" fmla="*/ 0 w 2448000"/>
              <a:gd name="connsiteY42" fmla="*/ 1099699 h 1327939"/>
              <a:gd name="connsiteX43" fmla="*/ 0 w 2448000"/>
              <a:gd name="connsiteY43" fmla="*/ 1053023 h 1327939"/>
              <a:gd name="connsiteX44" fmla="*/ 0 w 2448000"/>
              <a:gd name="connsiteY44" fmla="*/ 994732 h 1327939"/>
              <a:gd name="connsiteX45" fmla="*/ 0 w 2448000"/>
              <a:gd name="connsiteY45" fmla="*/ 923535 h 1327939"/>
              <a:gd name="connsiteX46" fmla="*/ 0 w 2448000"/>
              <a:gd name="connsiteY46" fmla="*/ 838142 h 1327939"/>
              <a:gd name="connsiteX47" fmla="*/ 0 w 2448000"/>
              <a:gd name="connsiteY47" fmla="*/ 737261 h 1327939"/>
              <a:gd name="connsiteX48" fmla="*/ 0 w 2448000"/>
              <a:gd name="connsiteY48" fmla="*/ 619604 h 1327939"/>
              <a:gd name="connsiteX49" fmla="*/ 0 w 2448000"/>
              <a:gd name="connsiteY49" fmla="*/ 483877 h 1327939"/>
              <a:gd name="connsiteX50" fmla="*/ 0 w 2448000"/>
              <a:gd name="connsiteY50" fmla="*/ 328793 h 1327939"/>
              <a:gd name="connsiteX51" fmla="*/ 327035 w 2448000"/>
              <a:gd name="connsiteY51" fmla="*/ 0 h 13279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448000" h="1327939">
                <a:moveTo>
                  <a:pt x="327035" y="0"/>
                </a:moveTo>
                <a:lnTo>
                  <a:pt x="331178" y="0"/>
                </a:lnTo>
                <a:lnTo>
                  <a:pt x="360175" y="0"/>
                </a:lnTo>
                <a:lnTo>
                  <a:pt x="391762" y="0"/>
                </a:lnTo>
                <a:lnTo>
                  <a:pt x="438883" y="0"/>
                </a:lnTo>
                <a:lnTo>
                  <a:pt x="504645" y="0"/>
                </a:lnTo>
                <a:lnTo>
                  <a:pt x="592156" y="0"/>
                </a:lnTo>
                <a:lnTo>
                  <a:pt x="704521" y="0"/>
                </a:lnTo>
                <a:lnTo>
                  <a:pt x="844849" y="0"/>
                </a:lnTo>
                <a:lnTo>
                  <a:pt x="1016245" y="0"/>
                </a:lnTo>
                <a:lnTo>
                  <a:pt x="1221817" y="0"/>
                </a:lnTo>
                <a:lnTo>
                  <a:pt x="1464672" y="0"/>
                </a:lnTo>
                <a:lnTo>
                  <a:pt x="1747916" y="0"/>
                </a:lnTo>
                <a:lnTo>
                  <a:pt x="2074656" y="0"/>
                </a:lnTo>
                <a:lnTo>
                  <a:pt x="2448000" y="0"/>
                </a:lnTo>
                <a:lnTo>
                  <a:pt x="2448000" y="1203"/>
                </a:lnTo>
                <a:lnTo>
                  <a:pt x="2448000" y="9626"/>
                </a:lnTo>
                <a:lnTo>
                  <a:pt x="2448000" y="32489"/>
                </a:lnTo>
                <a:lnTo>
                  <a:pt x="2448000" y="77011"/>
                </a:lnTo>
                <a:lnTo>
                  <a:pt x="2448000" y="109650"/>
                </a:lnTo>
                <a:lnTo>
                  <a:pt x="2448000" y="150412"/>
                </a:lnTo>
                <a:lnTo>
                  <a:pt x="2448000" y="200198"/>
                </a:lnTo>
                <a:lnTo>
                  <a:pt x="2448000" y="259912"/>
                </a:lnTo>
                <a:lnTo>
                  <a:pt x="2448000" y="330455"/>
                </a:lnTo>
                <a:lnTo>
                  <a:pt x="2448000" y="412730"/>
                </a:lnTo>
                <a:lnTo>
                  <a:pt x="2448000" y="507640"/>
                </a:lnTo>
                <a:lnTo>
                  <a:pt x="2448000" y="616087"/>
                </a:lnTo>
                <a:cubicBezTo>
                  <a:pt x="2448000" y="616087"/>
                  <a:pt x="2448000" y="616087"/>
                  <a:pt x="898553" y="616087"/>
                </a:cubicBezTo>
                <a:cubicBezTo>
                  <a:pt x="898553" y="616087"/>
                  <a:pt x="898553" y="616087"/>
                  <a:pt x="898553" y="922535"/>
                </a:cubicBezTo>
                <a:cubicBezTo>
                  <a:pt x="898553" y="922535"/>
                  <a:pt x="898553" y="922535"/>
                  <a:pt x="2120965" y="922535"/>
                </a:cubicBezTo>
                <a:cubicBezTo>
                  <a:pt x="2251144" y="1050221"/>
                  <a:pt x="2320996" y="1123641"/>
                  <a:pt x="2448000" y="1251327"/>
                </a:cubicBezTo>
                <a:lnTo>
                  <a:pt x="2448000" y="1252524"/>
                </a:lnTo>
                <a:lnTo>
                  <a:pt x="2448000" y="1260904"/>
                </a:lnTo>
                <a:lnTo>
                  <a:pt x="2448000" y="1283648"/>
                </a:lnTo>
                <a:lnTo>
                  <a:pt x="2448000" y="1327939"/>
                </a:lnTo>
                <a:lnTo>
                  <a:pt x="117479" y="1327939"/>
                </a:lnTo>
                <a:cubicBezTo>
                  <a:pt x="82553" y="1292825"/>
                  <a:pt x="44452" y="1254519"/>
                  <a:pt x="0" y="1209829"/>
                </a:cubicBezTo>
                <a:lnTo>
                  <a:pt x="0" y="1208108"/>
                </a:lnTo>
                <a:lnTo>
                  <a:pt x="0" y="1196063"/>
                </a:lnTo>
                <a:lnTo>
                  <a:pt x="0" y="1182942"/>
                </a:lnTo>
                <a:lnTo>
                  <a:pt x="0" y="1163368"/>
                </a:lnTo>
                <a:lnTo>
                  <a:pt x="0" y="1136051"/>
                </a:lnTo>
                <a:lnTo>
                  <a:pt x="0" y="1099699"/>
                </a:lnTo>
                <a:lnTo>
                  <a:pt x="0" y="1053023"/>
                </a:lnTo>
                <a:lnTo>
                  <a:pt x="0" y="994732"/>
                </a:lnTo>
                <a:lnTo>
                  <a:pt x="0" y="923535"/>
                </a:lnTo>
                <a:lnTo>
                  <a:pt x="0" y="838142"/>
                </a:lnTo>
                <a:lnTo>
                  <a:pt x="0" y="737261"/>
                </a:lnTo>
                <a:lnTo>
                  <a:pt x="0" y="619604"/>
                </a:lnTo>
                <a:lnTo>
                  <a:pt x="0" y="483877"/>
                </a:lnTo>
                <a:lnTo>
                  <a:pt x="0" y="328793"/>
                </a:lnTo>
                <a:cubicBezTo>
                  <a:pt x="127004" y="201106"/>
                  <a:pt x="200031" y="127687"/>
                  <a:pt x="32703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0" name="Bogstav O"/>
          <p:cNvSpPr/>
          <p:nvPr userDrawn="1"/>
        </p:nvSpPr>
        <p:spPr>
          <a:xfrm>
            <a:off x="10867499" y="2880000"/>
            <a:ext cx="1324800" cy="2440800"/>
          </a:xfrm>
          <a:custGeom>
            <a:avLst/>
            <a:gdLst>
              <a:gd name="connsiteX0" fmla="*/ 326446 w 1324800"/>
              <a:gd name="connsiteY0" fmla="*/ 0 h 2440800"/>
              <a:gd name="connsiteX1" fmla="*/ 328396 w 1324800"/>
              <a:gd name="connsiteY1" fmla="*/ 0 h 2440800"/>
              <a:gd name="connsiteX2" fmla="*/ 342046 w 1324800"/>
              <a:gd name="connsiteY2" fmla="*/ 0 h 2440800"/>
              <a:gd name="connsiteX3" fmla="*/ 356914 w 1324800"/>
              <a:gd name="connsiteY3" fmla="*/ 0 h 2440800"/>
              <a:gd name="connsiteX4" fmla="*/ 379094 w 1324800"/>
              <a:gd name="connsiteY4" fmla="*/ 0 h 2440800"/>
              <a:gd name="connsiteX5" fmla="*/ 410049 w 1324800"/>
              <a:gd name="connsiteY5" fmla="*/ 0 h 2440800"/>
              <a:gd name="connsiteX6" fmla="*/ 451241 w 1324800"/>
              <a:gd name="connsiteY6" fmla="*/ 0 h 2440800"/>
              <a:gd name="connsiteX7" fmla="*/ 504132 w 1324800"/>
              <a:gd name="connsiteY7" fmla="*/ 0 h 2440800"/>
              <a:gd name="connsiteX8" fmla="*/ 570185 w 1324800"/>
              <a:gd name="connsiteY8" fmla="*/ 0 h 2440800"/>
              <a:gd name="connsiteX9" fmla="*/ 650863 w 1324800"/>
              <a:gd name="connsiteY9" fmla="*/ 0 h 2440800"/>
              <a:gd name="connsiteX10" fmla="*/ 747627 w 1324800"/>
              <a:gd name="connsiteY10" fmla="*/ 0 h 2440800"/>
              <a:gd name="connsiteX11" fmla="*/ 861940 w 1324800"/>
              <a:gd name="connsiteY11" fmla="*/ 0 h 2440800"/>
              <a:gd name="connsiteX12" fmla="*/ 995265 w 1324800"/>
              <a:gd name="connsiteY12" fmla="*/ 0 h 2440800"/>
              <a:gd name="connsiteX13" fmla="*/ 1149064 w 1324800"/>
              <a:gd name="connsiteY13" fmla="*/ 0 h 2440800"/>
              <a:gd name="connsiteX14" fmla="*/ 1324800 w 1324800"/>
              <a:gd name="connsiteY14" fmla="*/ 0 h 2440800"/>
              <a:gd name="connsiteX15" fmla="*/ 1324800 w 1324800"/>
              <a:gd name="connsiteY15" fmla="*/ 1192 h 2440800"/>
              <a:gd name="connsiteX16" fmla="*/ 1324800 w 1324800"/>
              <a:gd name="connsiteY16" fmla="*/ 9536 h 2440800"/>
              <a:gd name="connsiteX17" fmla="*/ 1324800 w 1324800"/>
              <a:gd name="connsiteY17" fmla="*/ 32183 h 2440800"/>
              <a:gd name="connsiteX18" fmla="*/ 1324800 w 1324800"/>
              <a:gd name="connsiteY18" fmla="*/ 76286 h 2440800"/>
              <a:gd name="connsiteX19" fmla="*/ 1324800 w 1324800"/>
              <a:gd name="connsiteY19" fmla="*/ 148996 h 2440800"/>
              <a:gd name="connsiteX20" fmla="*/ 1324800 w 1324800"/>
              <a:gd name="connsiteY20" fmla="*/ 257466 h 2440800"/>
              <a:gd name="connsiteX21" fmla="*/ 1324800 w 1324800"/>
              <a:gd name="connsiteY21" fmla="*/ 408846 h 2440800"/>
              <a:gd name="connsiteX22" fmla="*/ 1324800 w 1324800"/>
              <a:gd name="connsiteY22" fmla="*/ 502862 h 2440800"/>
              <a:gd name="connsiteX23" fmla="*/ 1324800 w 1324800"/>
              <a:gd name="connsiteY23" fmla="*/ 610288 h 2440800"/>
              <a:gd name="connsiteX24" fmla="*/ 896934 w 1324800"/>
              <a:gd name="connsiteY24" fmla="*/ 610288 h 2440800"/>
              <a:gd name="connsiteX25" fmla="*/ 896934 w 1324800"/>
              <a:gd name="connsiteY25" fmla="*/ 1830865 h 2440800"/>
              <a:gd name="connsiteX26" fmla="*/ 1324800 w 1324800"/>
              <a:gd name="connsiteY26" fmla="*/ 1830865 h 2440800"/>
              <a:gd name="connsiteX27" fmla="*/ 1324800 w 1324800"/>
              <a:gd name="connsiteY27" fmla="*/ 2440800 h 2440800"/>
              <a:gd name="connsiteX28" fmla="*/ 326100 w 1324800"/>
              <a:gd name="connsiteY28" fmla="*/ 2440800 h 2440800"/>
              <a:gd name="connsiteX29" fmla="*/ 240229 w 1324800"/>
              <a:gd name="connsiteY29" fmla="*/ 2353355 h 2440800"/>
              <a:gd name="connsiteX30" fmla="*/ 0 w 1324800"/>
              <a:gd name="connsiteY30" fmla="*/ 2115455 h 2440800"/>
              <a:gd name="connsiteX31" fmla="*/ 0 w 1324800"/>
              <a:gd name="connsiteY31" fmla="*/ 2111960 h 2440800"/>
              <a:gd name="connsiteX32" fmla="*/ 0 w 1324800"/>
              <a:gd name="connsiteY32" fmla="*/ 2087490 h 2440800"/>
              <a:gd name="connsiteX33" fmla="*/ 0 w 1324800"/>
              <a:gd name="connsiteY33" fmla="*/ 2060836 h 2440800"/>
              <a:gd name="connsiteX34" fmla="*/ 0 w 1324800"/>
              <a:gd name="connsiteY34" fmla="*/ 2021074 h 2440800"/>
              <a:gd name="connsiteX35" fmla="*/ 0 w 1324800"/>
              <a:gd name="connsiteY35" fmla="*/ 1965581 h 2440800"/>
              <a:gd name="connsiteX36" fmla="*/ 0 w 1324800"/>
              <a:gd name="connsiteY36" fmla="*/ 1891736 h 2440800"/>
              <a:gd name="connsiteX37" fmla="*/ 0 w 1324800"/>
              <a:gd name="connsiteY37" fmla="*/ 1796917 h 2440800"/>
              <a:gd name="connsiteX38" fmla="*/ 0 w 1324800"/>
              <a:gd name="connsiteY38" fmla="*/ 1678503 h 2440800"/>
              <a:gd name="connsiteX39" fmla="*/ 0 w 1324800"/>
              <a:gd name="connsiteY39" fmla="*/ 1533872 h 2440800"/>
              <a:gd name="connsiteX40" fmla="*/ 0 w 1324800"/>
              <a:gd name="connsiteY40" fmla="*/ 1360402 h 2440800"/>
              <a:gd name="connsiteX41" fmla="*/ 0 w 1324800"/>
              <a:gd name="connsiteY41" fmla="*/ 1155471 h 2440800"/>
              <a:gd name="connsiteX42" fmla="*/ 0 w 1324800"/>
              <a:gd name="connsiteY42" fmla="*/ 916458 h 2440800"/>
              <a:gd name="connsiteX43" fmla="*/ 0 w 1324800"/>
              <a:gd name="connsiteY43" fmla="*/ 640741 h 2440800"/>
              <a:gd name="connsiteX44" fmla="*/ 0 w 1324800"/>
              <a:gd name="connsiteY44" fmla="*/ 325698 h 2440800"/>
              <a:gd name="connsiteX45" fmla="*/ 326446 w 1324800"/>
              <a:gd name="connsiteY45" fmla="*/ 0 h 244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</a:cxnLst>
            <a:rect l="l" t="t" r="r" b="b"/>
            <a:pathLst>
              <a:path w="1324800" h="2440800">
                <a:moveTo>
                  <a:pt x="326446" y="0"/>
                </a:moveTo>
                <a:lnTo>
                  <a:pt x="328396" y="0"/>
                </a:lnTo>
                <a:lnTo>
                  <a:pt x="342046" y="0"/>
                </a:lnTo>
                <a:lnTo>
                  <a:pt x="356914" y="0"/>
                </a:lnTo>
                <a:lnTo>
                  <a:pt x="379094" y="0"/>
                </a:lnTo>
                <a:lnTo>
                  <a:pt x="410049" y="0"/>
                </a:lnTo>
                <a:lnTo>
                  <a:pt x="451241" y="0"/>
                </a:lnTo>
                <a:lnTo>
                  <a:pt x="504132" y="0"/>
                </a:lnTo>
                <a:lnTo>
                  <a:pt x="570185" y="0"/>
                </a:lnTo>
                <a:lnTo>
                  <a:pt x="650863" y="0"/>
                </a:lnTo>
                <a:lnTo>
                  <a:pt x="747627" y="0"/>
                </a:lnTo>
                <a:lnTo>
                  <a:pt x="861940" y="0"/>
                </a:lnTo>
                <a:lnTo>
                  <a:pt x="995265" y="0"/>
                </a:lnTo>
                <a:lnTo>
                  <a:pt x="1149064" y="0"/>
                </a:lnTo>
                <a:lnTo>
                  <a:pt x="1324800" y="0"/>
                </a:lnTo>
                <a:lnTo>
                  <a:pt x="1324800" y="1192"/>
                </a:lnTo>
                <a:lnTo>
                  <a:pt x="1324800" y="9536"/>
                </a:lnTo>
                <a:lnTo>
                  <a:pt x="1324800" y="32183"/>
                </a:lnTo>
                <a:lnTo>
                  <a:pt x="1324800" y="76286"/>
                </a:lnTo>
                <a:lnTo>
                  <a:pt x="1324800" y="148996"/>
                </a:lnTo>
                <a:lnTo>
                  <a:pt x="1324800" y="257466"/>
                </a:lnTo>
                <a:lnTo>
                  <a:pt x="1324800" y="408846"/>
                </a:lnTo>
                <a:lnTo>
                  <a:pt x="1324800" y="502862"/>
                </a:lnTo>
                <a:lnTo>
                  <a:pt x="1324800" y="610288"/>
                </a:lnTo>
                <a:cubicBezTo>
                  <a:pt x="1324800" y="610288"/>
                  <a:pt x="1324800" y="610288"/>
                  <a:pt x="896934" y="610288"/>
                </a:cubicBezTo>
                <a:cubicBezTo>
                  <a:pt x="896934" y="610288"/>
                  <a:pt x="896934" y="610288"/>
                  <a:pt x="896934" y="1830865"/>
                </a:cubicBezTo>
                <a:cubicBezTo>
                  <a:pt x="896934" y="1830865"/>
                  <a:pt x="896934" y="1830865"/>
                  <a:pt x="1324800" y="1830865"/>
                </a:cubicBezTo>
                <a:lnTo>
                  <a:pt x="1324800" y="2440800"/>
                </a:lnTo>
                <a:lnTo>
                  <a:pt x="326100" y="2440800"/>
                </a:lnTo>
                <a:lnTo>
                  <a:pt x="240229" y="2353355"/>
                </a:lnTo>
                <a:cubicBezTo>
                  <a:pt x="161044" y="2273166"/>
                  <a:pt x="97459" y="2210319"/>
                  <a:pt x="0" y="2115455"/>
                </a:cubicBezTo>
                <a:lnTo>
                  <a:pt x="0" y="2111960"/>
                </a:lnTo>
                <a:lnTo>
                  <a:pt x="0" y="2087490"/>
                </a:lnTo>
                <a:lnTo>
                  <a:pt x="0" y="2060836"/>
                </a:lnTo>
                <a:lnTo>
                  <a:pt x="0" y="2021074"/>
                </a:lnTo>
                <a:lnTo>
                  <a:pt x="0" y="1965581"/>
                </a:lnTo>
                <a:lnTo>
                  <a:pt x="0" y="1891736"/>
                </a:lnTo>
                <a:lnTo>
                  <a:pt x="0" y="1796917"/>
                </a:lnTo>
                <a:lnTo>
                  <a:pt x="0" y="1678503"/>
                </a:lnTo>
                <a:lnTo>
                  <a:pt x="0" y="1533872"/>
                </a:lnTo>
                <a:lnTo>
                  <a:pt x="0" y="1360402"/>
                </a:lnTo>
                <a:lnTo>
                  <a:pt x="0" y="1155471"/>
                </a:lnTo>
                <a:lnTo>
                  <a:pt x="0" y="916458"/>
                </a:lnTo>
                <a:lnTo>
                  <a:pt x="0" y="640741"/>
                </a:lnTo>
                <a:lnTo>
                  <a:pt x="0" y="325698"/>
                </a:lnTo>
                <a:cubicBezTo>
                  <a:pt x="129945" y="199213"/>
                  <a:pt x="199671" y="129647"/>
                  <a:pt x="326446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</p:spPr>
        <p:txBody>
          <a:bodyPr/>
          <a:lstStyle>
            <a:lvl1pPr>
              <a:defRPr sz="1600">
                <a:solidFill>
                  <a:schemeClr val="tx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9. december 2018</a:t>
            </a:fld>
            <a:endParaRPr lang="da-DK" dirty="0"/>
          </a:p>
        </p:txBody>
      </p:sp>
      <p:sp>
        <p:nvSpPr>
          <p:cNvPr id="15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3" name="TextBox 22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graﬁkken udskiftes. </a:t>
            </a:r>
          </a:p>
        </p:txBody>
      </p:sp>
      <p:pic>
        <p:nvPicPr>
          <p:cNvPr id="25" name="Logo nav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200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03922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3487">
          <p15:clr>
            <a:srgbClr val="000000"/>
          </p15:clr>
        </p15:guide>
        <p15:guide id="2" orient="horz" pos="1809">
          <p15:clr>
            <a:srgbClr val="00000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1539875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1539879" y="1833789"/>
            <a:ext cx="2280360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5561942" y="1833789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929083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8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00676" y="2877130"/>
            <a:ext cx="549328" cy="285228"/>
          </a:xfrm>
          <a:prstGeom prst="rect">
            <a:avLst/>
          </a:prstGeom>
        </p:spPr>
      </p:pic>
      <p:pic>
        <p:nvPicPr>
          <p:cNvPr id="20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3714595" y="3538594"/>
            <a:ext cx="363713" cy="647461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3730060" y="4208198"/>
            <a:ext cx="593368" cy="192211"/>
          </a:xfrm>
          <a:prstGeom prst="rect">
            <a:avLst/>
          </a:prstGeom>
        </p:spPr>
      </p:pic>
      <p:pic>
        <p:nvPicPr>
          <p:cNvPr id="24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702763" y="5318642"/>
            <a:ext cx="547241" cy="197798"/>
          </a:xfrm>
          <a:prstGeom prst="rect">
            <a:avLst/>
          </a:prstGeom>
        </p:spPr>
      </p:pic>
      <p:pic>
        <p:nvPicPr>
          <p:cNvPr id="5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489164" y="2075087"/>
            <a:ext cx="262151" cy="256054"/>
          </a:xfrm>
          <a:prstGeom prst="rect">
            <a:avLst/>
          </a:prstGeom>
        </p:spPr>
      </p:pic>
      <p:pic>
        <p:nvPicPr>
          <p:cNvPr id="23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469796" y="2748409"/>
            <a:ext cx="337400" cy="321707"/>
          </a:xfrm>
          <a:prstGeom prst="rect">
            <a:avLst/>
          </a:prstGeom>
        </p:spPr>
      </p:pic>
      <p:pic>
        <p:nvPicPr>
          <p:cNvPr id="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7447501" y="3242399"/>
            <a:ext cx="359695" cy="335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325284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el slide (A)">
  <p:cSld name="1_Titel slide (A)">
    <p:bg>
      <p:bgPr>
        <a:solidFill>
          <a:schemeClr val="lt1"/>
        </a:solidFill>
        <a:effectLst/>
      </p:bgPr>
    </p:bg>
    <p:spTree>
      <p:nvGrpSpPr>
        <p:cNvPr id="1" name="Shape 1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Shape 15"/>
          <p:cNvSpPr/>
          <p:nvPr/>
        </p:nvSpPr>
        <p:spPr>
          <a:xfrm>
            <a:off x="2699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chemeClr val="lt1"/>
              </a:solidFill>
              <a:latin typeface="Corbel"/>
              <a:ea typeface="Corbel"/>
              <a:cs typeface="Corbel"/>
              <a:sym typeface="Corbel"/>
            </a:endParaRPr>
          </a:p>
        </p:txBody>
      </p:sp>
      <p:sp>
        <p:nvSpPr>
          <p:cNvPr id="16" name="Shape 16"/>
          <p:cNvSpPr txBox="1"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marR="0" lvl="0" algn="l" rtl="0">
              <a:lnSpc>
                <a:spcPct val="88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4800"/>
              <a:buFont typeface="Corbel"/>
              <a:buNone/>
              <a:defRPr sz="4800" b="1" i="0" u="none" strike="noStrike" cap="none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17" name="Shape 17"/>
          <p:cNvSpPr txBox="1"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R="0" lvl="0" algn="l" rtl="0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160"/>
              <a:buFont typeface="Arial"/>
              <a:buChar char="​"/>
              <a:defRPr sz="2400" b="0" i="0" u="none" strike="noStrike" cap="none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R="0" lvl="1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R="0" lvl="2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R="0" lvl="3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R="0" lvl="4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R="0" lvl="5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R="0" lvl="6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R="0" lvl="7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R="0" lvl="8" algn="l" rtl="0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800"/>
              <a:buFont typeface="Arial"/>
              <a:buChar char="​"/>
              <a:defRPr sz="20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18" name="Shape 18"/>
          <p:cNvSpPr txBox="1">
            <a:spLocks noGrp="1"/>
          </p:cNvSpPr>
          <p:nvPr>
            <p:ph type="body" idx="2"/>
          </p:nvPr>
        </p:nvSpPr>
        <p:spPr>
          <a:xfrm>
            <a:off x="755650" y="5510785"/>
            <a:ext cx="4563482" cy="3914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marL="457200" marR="0" lvl="0" indent="-228600" algn="l" rtl="0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440"/>
              <a:buFont typeface="Noto Sans Symbols"/>
              <a:buNone/>
              <a:defRPr sz="1600" b="0" i="0" u="none" strike="noStrike" cap="none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L="914400" marR="0" lvl="1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L="1371600" marR="0" lvl="2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L="1828800" marR="0" lvl="3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L="2286000" marR="0" lvl="4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L="2743200" marR="0" lvl="5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L="3200400" marR="0" lvl="6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L="3657600" marR="0" lvl="7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L="4114800" marR="0" lvl="8" indent="-331470" algn="l" rtl="0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19" name="Shape 19"/>
          <p:cNvSpPr>
            <a:spLocks noGrp="1"/>
          </p:cNvSpPr>
          <p:nvPr>
            <p:ph type="pic" idx="3"/>
          </p:nvPr>
        </p:nvSpPr>
        <p:spPr>
          <a:xfrm>
            <a:off x="5535483" y="5539239"/>
            <a:ext cx="2448000" cy="132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marR="0" lvl="0" algn="ctr" rtl="0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260"/>
              <a:buFont typeface="Noto Sans Symbols"/>
              <a:buNone/>
              <a:defRPr sz="1400" b="0" i="0" u="none" strike="noStrike" cap="none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R="0" lvl="1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R="0" lvl="2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R="0" lvl="3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R="0" lvl="4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R="0" lvl="5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R="0" lvl="6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R="0" lvl="7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R="0" lvl="8" algn="l" rtl="0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20" name="Shape 20"/>
          <p:cNvSpPr>
            <a:spLocks noGrp="1"/>
          </p:cNvSpPr>
          <p:nvPr>
            <p:ph type="pic" idx="4"/>
          </p:nvPr>
        </p:nvSpPr>
        <p:spPr>
          <a:xfrm>
            <a:off x="8199472" y="2872800"/>
            <a:ext cx="2448000" cy="244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R="0" lvl="0" algn="ctr" rtl="0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440"/>
              <a:buFont typeface="Noto Sans Symbols"/>
              <a:buNone/>
              <a:defRPr sz="1600" b="0" i="0" u="none" strike="noStrike" cap="none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R="0" lvl="1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R="0" lvl="2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R="0" lvl="3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R="0" lvl="4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R="0" lvl="5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R="0" lvl="6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R="0" lvl="7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R="0" lvl="8" algn="l" rtl="0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21" name="Shape 21"/>
          <p:cNvSpPr/>
          <p:nvPr/>
        </p:nvSpPr>
        <p:spPr>
          <a:xfrm>
            <a:off x="10868302" y="2872800"/>
            <a:ext cx="1323997" cy="2448000"/>
          </a:xfrm>
          <a:custGeom>
            <a:avLst/>
            <a:gdLst/>
            <a:ahLst/>
            <a:cxnLst/>
            <a:rect l="0" t="0" r="0" b="0"/>
            <a:pathLst>
              <a:path w="1323997" h="2448000" extrusionOk="0">
                <a:moveTo>
                  <a:pt x="327817" y="0"/>
                </a:moveTo>
                <a:lnTo>
                  <a:pt x="329762" y="0"/>
                </a:lnTo>
                <a:lnTo>
                  <a:pt x="343382" y="0"/>
                </a:lnTo>
                <a:lnTo>
                  <a:pt x="358218" y="0"/>
                </a:lnTo>
                <a:lnTo>
                  <a:pt x="380350" y="0"/>
                </a:lnTo>
                <a:lnTo>
                  <a:pt x="411237" y="0"/>
                </a:lnTo>
                <a:lnTo>
                  <a:pt x="452339" y="0"/>
                </a:lnTo>
                <a:lnTo>
                  <a:pt x="505115" y="0"/>
                </a:lnTo>
                <a:lnTo>
                  <a:pt x="571025" y="0"/>
                </a:lnTo>
                <a:lnTo>
                  <a:pt x="651527" y="0"/>
                </a:lnTo>
                <a:lnTo>
                  <a:pt x="748080" y="0"/>
                </a:lnTo>
                <a:lnTo>
                  <a:pt x="862145" y="0"/>
                </a:lnTo>
                <a:lnTo>
                  <a:pt x="995180" y="0"/>
                </a:lnTo>
                <a:lnTo>
                  <a:pt x="1148644" y="0"/>
                </a:lnTo>
                <a:lnTo>
                  <a:pt x="1323997" y="0"/>
                </a:lnTo>
                <a:cubicBezTo>
                  <a:pt x="1323997" y="0"/>
                  <a:pt x="1323997" y="0"/>
                  <a:pt x="1323997" y="612794"/>
                </a:cubicBezTo>
                <a:cubicBezTo>
                  <a:pt x="1323997" y="612794"/>
                  <a:pt x="1323997" y="612794"/>
                  <a:pt x="900700" y="612794"/>
                </a:cubicBezTo>
                <a:cubicBezTo>
                  <a:pt x="900700" y="612794"/>
                  <a:pt x="900700" y="612794"/>
                  <a:pt x="900700" y="1225588"/>
                </a:cubicBezTo>
                <a:lnTo>
                  <a:pt x="1323997" y="1225588"/>
                </a:lnTo>
                <a:cubicBezTo>
                  <a:pt x="1323997" y="1225588"/>
                  <a:pt x="1323997" y="1225588"/>
                  <a:pt x="1323997" y="1835206"/>
                </a:cubicBezTo>
                <a:cubicBezTo>
                  <a:pt x="1323997" y="1835206"/>
                  <a:pt x="1323997" y="1835206"/>
                  <a:pt x="900700" y="1835206"/>
                </a:cubicBezTo>
                <a:cubicBezTo>
                  <a:pt x="900700" y="1835206"/>
                  <a:pt x="900700" y="1835206"/>
                  <a:pt x="900700" y="2448000"/>
                </a:cubicBezTo>
                <a:lnTo>
                  <a:pt x="898941" y="2448000"/>
                </a:lnTo>
                <a:lnTo>
                  <a:pt x="886627" y="2448000"/>
                </a:lnTo>
                <a:lnTo>
                  <a:pt x="873213" y="2448000"/>
                </a:lnTo>
                <a:lnTo>
                  <a:pt x="853202" y="2448000"/>
                </a:lnTo>
                <a:lnTo>
                  <a:pt x="825275" y="2448000"/>
                </a:lnTo>
                <a:lnTo>
                  <a:pt x="788113" y="2448000"/>
                </a:lnTo>
                <a:lnTo>
                  <a:pt x="740395" y="2448000"/>
                </a:lnTo>
                <a:lnTo>
                  <a:pt x="680803" y="2448000"/>
                </a:lnTo>
                <a:lnTo>
                  <a:pt x="608017" y="2448000"/>
                </a:lnTo>
                <a:lnTo>
                  <a:pt x="520717" y="2448000"/>
                </a:lnTo>
                <a:lnTo>
                  <a:pt x="417586" y="2448000"/>
                </a:lnTo>
                <a:lnTo>
                  <a:pt x="297302" y="2448000"/>
                </a:lnTo>
                <a:lnTo>
                  <a:pt x="158546" y="2448000"/>
                </a:lnTo>
                <a:lnTo>
                  <a:pt x="0" y="2448000"/>
                </a:lnTo>
                <a:lnTo>
                  <a:pt x="0" y="2443857"/>
                </a:lnTo>
                <a:lnTo>
                  <a:pt x="0" y="2414860"/>
                </a:lnTo>
                <a:lnTo>
                  <a:pt x="0" y="2383273"/>
                </a:lnTo>
                <a:lnTo>
                  <a:pt x="0" y="2336152"/>
                </a:lnTo>
                <a:lnTo>
                  <a:pt x="0" y="2270390"/>
                </a:lnTo>
                <a:lnTo>
                  <a:pt x="0" y="2182879"/>
                </a:lnTo>
                <a:lnTo>
                  <a:pt x="0" y="2070514"/>
                </a:lnTo>
                <a:lnTo>
                  <a:pt x="0" y="1930186"/>
                </a:lnTo>
                <a:lnTo>
                  <a:pt x="0" y="1758790"/>
                </a:lnTo>
                <a:lnTo>
                  <a:pt x="0" y="1553218"/>
                </a:lnTo>
                <a:lnTo>
                  <a:pt x="0" y="1310363"/>
                </a:lnTo>
                <a:lnTo>
                  <a:pt x="0" y="1027119"/>
                </a:lnTo>
                <a:lnTo>
                  <a:pt x="0" y="700379"/>
                </a:lnTo>
                <a:lnTo>
                  <a:pt x="0" y="327035"/>
                </a:lnTo>
                <a:cubicBezTo>
                  <a:pt x="127308" y="200031"/>
                  <a:pt x="200509" y="127004"/>
                  <a:pt x="327817" y="0"/>
                </a:cubicBezTo>
                <a:close/>
              </a:path>
            </a:pathLst>
          </a:cu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chemeClr val="lt1"/>
              </a:solidFill>
              <a:latin typeface="Corbel"/>
              <a:ea typeface="Corbel"/>
              <a:cs typeface="Corbel"/>
              <a:sym typeface="Corbel"/>
            </a:endParaRPr>
          </a:p>
        </p:txBody>
      </p:sp>
      <p:sp>
        <p:nvSpPr>
          <p:cNvPr id="22" name="Shape 22"/>
          <p:cNvSpPr txBox="1">
            <a:spLocks noGrp="1"/>
          </p:cNvSpPr>
          <p:nvPr>
            <p:ph type="dt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600" b="0" i="0" u="none" strike="noStrike" cap="none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23" name="Shape 23"/>
          <p:cNvSpPr txBox="1"/>
          <p:nvPr/>
        </p:nvSpPr>
        <p:spPr>
          <a:xfrm>
            <a:off x="-1" y="-300028"/>
            <a:ext cx="11880000" cy="18466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da-DK" sz="1200" b="1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rPr>
              <a:t>Bemærk</a:t>
            </a:r>
            <a:r>
              <a:rPr lang="da-DK" sz="12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rPr>
              <a:t>: På denne side kan billederne udskiftes. </a:t>
            </a:r>
            <a:endParaRPr/>
          </a:p>
        </p:txBody>
      </p:sp>
      <p:pic>
        <p:nvPicPr>
          <p:cNvPr id="24" name="Shape 24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0809164" y="398179"/>
            <a:ext cx="1051199" cy="148556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85707348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el og indhold">
  <p:cSld name="1_Titel og indhold">
    <p:spTree>
      <p:nvGrpSpPr>
        <p:cNvPr id="1" name="Shape 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Shape 26"/>
          <p:cNvSpPr txBox="1">
            <a:spLocks noGrp="1"/>
          </p:cNvSpPr>
          <p:nvPr>
            <p:ph type="title"/>
          </p:nvPr>
        </p:nvSpPr>
        <p:spPr>
          <a:xfrm>
            <a:off x="756000" y="756000"/>
            <a:ext cx="8560800" cy="9348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/>
          <a:lstStyle>
            <a:lvl1pPr marR="0" lvl="0" algn="l" rtl="0">
              <a:lnSpc>
                <a:spcPct val="88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400"/>
              <a:buFont typeface="Corbel"/>
              <a:buNone/>
              <a:defRPr sz="3400" b="1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27" name="Shape 27"/>
          <p:cNvSpPr txBox="1">
            <a:spLocks noGrp="1"/>
          </p:cNvSpPr>
          <p:nvPr>
            <p:ph type="body" idx="1"/>
          </p:nvPr>
        </p:nvSpPr>
        <p:spPr>
          <a:xfrm>
            <a:off x="1540801" y="1989056"/>
            <a:ext cx="7776000" cy="411294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marR="0" lvl="0" indent="-331470" algn="l" rtl="0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L="914400" marR="0" lvl="1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L="1371600" marR="0" lvl="2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L="1828800" marR="0" lvl="3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L="2286000" marR="0" lvl="4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L="2743200" marR="0" lvl="5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L="3200400" marR="0" lvl="6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L="3657600" marR="0" lvl="7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L="4114800" marR="0" lvl="8" indent="-331470" algn="l" rtl="0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28" name="Shape 28"/>
          <p:cNvSpPr txBox="1">
            <a:spLocks noGrp="1"/>
          </p:cNvSpPr>
          <p:nvPr>
            <p:ph type="dt" idx="10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00">
                <a:latin typeface="Corbel"/>
                <a:ea typeface="Corbel"/>
                <a:cs typeface="Corbel"/>
                <a:sym typeface="Corbel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29" name="Shape 29"/>
          <p:cNvSpPr txBox="1">
            <a:spLocks noGrp="1"/>
          </p:cNvSpPr>
          <p:nvPr>
            <p:ph type="ftr" idx="11"/>
          </p:nvPr>
        </p:nvSpPr>
        <p:spPr>
          <a:xfrm>
            <a:off x="0" y="6912000"/>
            <a:ext cx="0" cy="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b" anchorCtr="0"/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00">
                <a:latin typeface="Corbel"/>
                <a:ea typeface="Corbel"/>
                <a:cs typeface="Corbel"/>
                <a:sym typeface="Corbel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30" name="Shape 30"/>
          <p:cNvSpPr txBox="1">
            <a:spLocks noGrp="1"/>
          </p:cNvSpPr>
          <p:nvPr>
            <p:ph type="sldNum" idx="12"/>
          </p:nvPr>
        </p:nvSpPr>
        <p:spPr>
          <a:xfrm>
            <a:off x="11343480" y="6528915"/>
            <a:ext cx="394920" cy="18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L="0" marR="0" lvl="1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L="0" marR="0" lvl="2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L="0" marR="0" lvl="3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L="0" marR="0" lvl="4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L="0" marR="0" lvl="5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L="0" marR="0" lvl="6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L="0" marR="0" lvl="7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L="0" marR="0" lvl="8" indent="0" algn="r" rtl="0">
              <a:spcBef>
                <a:spcPts val="0"/>
              </a:spcBef>
              <a:buNone/>
              <a:defRPr sz="1400" b="1">
                <a:solidFill>
                  <a:srgbClr val="7F7F7F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/>
              <a:t>‹nr.›</a:t>
            </a:fld>
            <a:endParaRPr/>
          </a:p>
        </p:txBody>
      </p:sp>
      <p:sp>
        <p:nvSpPr>
          <p:cNvPr id="31" name="Shape 31"/>
          <p:cNvSpPr txBox="1">
            <a:spLocks noGrp="1"/>
          </p:cNvSpPr>
          <p:nvPr>
            <p:ph type="body" idx="2"/>
          </p:nvPr>
        </p:nvSpPr>
        <p:spPr>
          <a:xfrm>
            <a:off x="10864800" y="4204800"/>
            <a:ext cx="1116000" cy="1116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/>
          <a:lstStyle>
            <a:lvl1pPr marL="457200" marR="0" lvl="0" indent="-228600" algn="l" rtl="0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260"/>
              <a:buFont typeface="Noto Sans Symbols"/>
              <a:buNone/>
              <a:defRPr sz="1400" b="1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L="914400" marR="0" lvl="1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L="1371600" marR="0" lvl="2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L="1828800" marR="0" lvl="3" indent="-331469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L="2286000" marR="0" lvl="4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L="2743200" marR="0" lvl="5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L="3200400" marR="0" lvl="6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L="3657600" marR="0" lvl="7" indent="-331470" algn="l" rtl="0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L="4114800" marR="0" lvl="8" indent="-331470" algn="l" rtl="0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endParaRPr/>
          </a:p>
        </p:txBody>
      </p:sp>
      <p:sp>
        <p:nvSpPr>
          <p:cNvPr id="32" name="Shape 32"/>
          <p:cNvSpPr txBox="1"/>
          <p:nvPr/>
        </p:nvSpPr>
        <p:spPr>
          <a:xfrm>
            <a:off x="-1" y="-300028"/>
            <a:ext cx="11880000" cy="18466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da-DK" sz="1200" b="1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rPr>
              <a:t>Bemærk</a:t>
            </a:r>
            <a:r>
              <a:rPr lang="da-DK" sz="1200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rPr>
              <a:t>: På denne side kan man indsætte graﬁkelementer til højre for teksten. 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val="276008436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29"/>
            </a:lvl1pPr>
            <a:lvl2pPr marL="457154" indent="0" algn="ctr">
              <a:buNone/>
              <a:defRPr sz="2000"/>
            </a:lvl2pPr>
            <a:lvl3pPr marL="914308" indent="0" algn="ctr">
              <a:buNone/>
              <a:defRPr sz="1786"/>
            </a:lvl3pPr>
            <a:lvl4pPr marL="1371462" indent="0" algn="ctr">
              <a:buNone/>
              <a:defRPr sz="1571"/>
            </a:lvl4pPr>
            <a:lvl5pPr marL="1828617" indent="0" algn="ctr">
              <a:buNone/>
              <a:defRPr sz="1571"/>
            </a:lvl5pPr>
            <a:lvl6pPr marL="2285771" indent="0" algn="ctr">
              <a:buNone/>
              <a:defRPr sz="1571"/>
            </a:lvl6pPr>
            <a:lvl7pPr marL="2742926" indent="0" algn="ctr">
              <a:buNone/>
              <a:defRPr sz="1571"/>
            </a:lvl7pPr>
            <a:lvl8pPr marL="3200080" indent="0" algn="ctr">
              <a:buNone/>
              <a:defRPr sz="1571"/>
            </a:lvl8pPr>
            <a:lvl9pPr marL="3657234" indent="0" algn="ctr">
              <a:buNone/>
              <a:defRPr sz="1571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9ED5FE-8356-43A7-BC78-D04F51E533A0}" type="datetime7">
              <a:rPr lang="en-GB" smtClean="0"/>
              <a:t>Dec-18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02FF6-C3CA-4071-A46A-383B9E73E6E5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4584902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, bille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0" bIns="180000" anchor="b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35732"/>
            <a:ext cx="5112000" cy="5115107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302400" tIns="216000" rIns="302400" bIns="2520000" anchor="t" anchorCtr="0">
            <a:noAutofit/>
          </a:bodyPr>
          <a:lstStyle>
            <a:lvl1pPr algn="l">
              <a:defRPr sz="34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39875" y="2433866"/>
            <a:ext cx="5112000" cy="1655762"/>
          </a:xfrm>
        </p:spPr>
        <p:txBody>
          <a:bodyPr lIns="302400" rIns="30240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sty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1539876" y="4387554"/>
            <a:ext cx="4437178" cy="391432"/>
          </a:xfrm>
        </p:spPr>
        <p:txBody>
          <a:bodyPr lIns="302400"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6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2" name="Date_DateCustomA"/>
          <p:cNvSpPr>
            <a:spLocks noGrp="1"/>
          </p:cNvSpPr>
          <p:nvPr>
            <p:ph type="dt" sz="half" idx="10"/>
          </p:nvPr>
        </p:nvSpPr>
        <p:spPr>
          <a:xfrm>
            <a:off x="1539875" y="4840650"/>
            <a:ext cx="4438460" cy="180000"/>
          </a:xfrm>
          <a:prstGeom prst="rect">
            <a:avLst/>
          </a:prstGeom>
        </p:spPr>
        <p:txBody>
          <a:bodyPr lIns="302400"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9. december 2018</a:t>
            </a:fld>
            <a:endParaRPr lang="da-DK" dirty="0"/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9154950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9353603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9552256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2840769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, bille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0" bIns="180000" anchor="b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35732"/>
            <a:ext cx="5112000" cy="5115107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302400" tIns="216000" rIns="302400" bIns="2520000" anchor="t" anchorCtr="0">
            <a:noAutofit/>
          </a:bodyPr>
          <a:lstStyle>
            <a:lvl1pPr algn="l">
              <a:defRPr sz="34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39875" y="2433866"/>
            <a:ext cx="5112000" cy="1655762"/>
          </a:xfrm>
        </p:spPr>
        <p:txBody>
          <a:bodyPr lIns="302400" rIns="30240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sty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1539876" y="4387554"/>
            <a:ext cx="4437178" cy="391432"/>
          </a:xfrm>
        </p:spPr>
        <p:txBody>
          <a:bodyPr lIns="302400"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2" name="Date_DateCustomA"/>
          <p:cNvSpPr>
            <a:spLocks noGrp="1"/>
          </p:cNvSpPr>
          <p:nvPr>
            <p:ph type="dt" sz="half" idx="10"/>
          </p:nvPr>
        </p:nvSpPr>
        <p:spPr>
          <a:xfrm>
            <a:off x="1539875" y="4840650"/>
            <a:ext cx="4438460" cy="180000"/>
          </a:xfrm>
          <a:prstGeom prst="rect">
            <a:avLst/>
          </a:prstGeom>
        </p:spPr>
        <p:txBody>
          <a:bodyPr lIns="302400"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9. december 2018</a:t>
            </a:fld>
            <a:endParaRPr lang="da-DK" dirty="0"/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2" name="Rectangle 1"/>
          <p:cNvSpPr/>
          <p:nvPr userDrawn="1"/>
        </p:nvSpPr>
        <p:spPr>
          <a:xfrm>
            <a:off x="9154950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Rectangle 17"/>
          <p:cNvSpPr/>
          <p:nvPr userDrawn="1"/>
        </p:nvSpPr>
        <p:spPr>
          <a:xfrm>
            <a:off x="9353603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9552256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3" hasCustomPrompt="1"/>
          </p:nvPr>
        </p:nvSpPr>
        <p:spPr>
          <a:xfrm>
            <a:off x="1539875" y="1987550"/>
            <a:ext cx="690563" cy="4113213"/>
          </a:xfrm>
        </p:spPr>
        <p:txBody>
          <a:bodyPr/>
          <a:lstStyle>
            <a:lvl1pPr marL="0" indent="0">
              <a:buNone/>
              <a:defRPr>
                <a:solidFill>
                  <a:schemeClr val="bg2"/>
                </a:solidFill>
              </a:defRPr>
            </a:lvl1pPr>
            <a:lvl2pPr marL="216000" indent="0">
              <a:buNone/>
              <a:defRPr>
                <a:solidFill>
                  <a:schemeClr val="bg2"/>
                </a:solidFill>
              </a:defRPr>
            </a:lvl2pPr>
            <a:lvl3pPr marL="432000" indent="0">
              <a:buNone/>
              <a:defRPr>
                <a:solidFill>
                  <a:schemeClr val="bg2"/>
                </a:solidFill>
              </a:defRPr>
            </a:lvl3pPr>
            <a:lvl4pPr marL="648000" indent="0">
              <a:buNone/>
              <a:defRPr>
                <a:solidFill>
                  <a:schemeClr val="bg2"/>
                </a:solidFill>
              </a:defRPr>
            </a:lvl4pPr>
            <a:lvl5pPr marL="8640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</a:t>
            </a:r>
            <a:r>
              <a:rPr lang="da-DK" dirty="0" err="1"/>
              <a:t>tids-punkt</a:t>
            </a:r>
            <a:r>
              <a:rPr lang="da-DK" dirty="0"/>
              <a:t> som fx 8.00</a:t>
            </a:r>
          </a:p>
        </p:txBody>
      </p:sp>
      <p:sp>
        <p:nvSpPr>
          <p:cNvPr id="16" name="Text Placeholder 14"/>
          <p:cNvSpPr>
            <a:spLocks noGrp="1"/>
          </p:cNvSpPr>
          <p:nvPr>
            <p:ph type="body" sz="quarter" idx="14" hasCustomPrompt="1"/>
          </p:nvPr>
        </p:nvSpPr>
        <p:spPr>
          <a:xfrm>
            <a:off x="2350197" y="1987550"/>
            <a:ext cx="6965253" cy="4113213"/>
          </a:xfrm>
        </p:spPr>
        <p:txBody>
          <a:bodyPr/>
          <a:lstStyle>
            <a:lvl1pPr marL="0" indent="0">
              <a:buNone/>
              <a:defRPr>
                <a:solidFill>
                  <a:schemeClr val="bg2"/>
                </a:solidFill>
              </a:defRPr>
            </a:lvl1pPr>
            <a:lvl2pPr marL="216000" indent="0">
              <a:buNone/>
              <a:defRPr>
                <a:solidFill>
                  <a:schemeClr val="bg2"/>
                </a:solidFill>
              </a:defRPr>
            </a:lvl2pPr>
            <a:lvl3pPr marL="432000" indent="0">
              <a:buNone/>
              <a:defRPr>
                <a:solidFill>
                  <a:schemeClr val="bg2"/>
                </a:solidFill>
              </a:defRPr>
            </a:lvl3pPr>
            <a:lvl4pPr marL="648000" indent="0">
              <a:buNone/>
              <a:defRPr>
                <a:solidFill>
                  <a:schemeClr val="bg2"/>
                </a:solidFill>
              </a:defRPr>
            </a:lvl4pPr>
            <a:lvl5pPr marL="8640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agenda</a:t>
            </a:r>
          </a:p>
        </p:txBody>
      </p:sp>
      <p:sp>
        <p:nvSpPr>
          <p:cNvPr id="13" name="TextBox 12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aggrundsfarven ændres til rød/grå.</a:t>
            </a:r>
          </a:p>
        </p:txBody>
      </p:sp>
      <p:pic>
        <p:nvPicPr>
          <p:cNvPr id="14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  <p:sp>
        <p:nvSpPr>
          <p:cNvPr id="18" name="Rectangle 17"/>
          <p:cNvSpPr/>
          <p:nvPr userDrawn="1"/>
        </p:nvSpPr>
        <p:spPr>
          <a:xfrm>
            <a:off x="407907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9" name="Rectangle 18"/>
          <p:cNvSpPr/>
          <p:nvPr userDrawn="1"/>
        </p:nvSpPr>
        <p:spPr>
          <a:xfrm>
            <a:off x="427772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568761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10864800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man indsætte graﬁkelementer til højre for teksten. 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fakta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7776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Faktaboks 3"/>
          <p:cNvSpPr>
            <a:spLocks noGrp="1"/>
          </p:cNvSpPr>
          <p:nvPr>
            <p:ph type="body" sz="quarter" idx="13"/>
          </p:nvPr>
        </p:nvSpPr>
        <p:spPr>
          <a:xfrm>
            <a:off x="9532800" y="2872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216000" tIns="216000" rIns="216000" bIns="216000" anchor="ctr" anchorCtr="0">
            <a:noAutofit/>
          </a:bodyPr>
          <a:lstStyle>
            <a:lvl1pPr marL="0" indent="0">
              <a:spcAft>
                <a:spcPts val="500"/>
              </a:spcAft>
              <a:buNone/>
              <a:defRPr sz="1400" b="1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75130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ikon,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ø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7776000" cy="4112944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2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2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2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2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2"/>
                </a:solidFill>
              </a:defRPr>
            </a:lvl5pPr>
            <a:lvl6pPr>
              <a:buClr>
                <a:schemeClr val="bg2"/>
              </a:buClr>
              <a:defRPr>
                <a:solidFill>
                  <a:schemeClr val="bg2"/>
                </a:solidFill>
              </a:defRPr>
            </a:lvl6pPr>
            <a:lvl7pPr>
              <a:buClr>
                <a:schemeClr val="bg2"/>
              </a:buClr>
              <a:defRPr>
                <a:solidFill>
                  <a:schemeClr val="bg2"/>
                </a:solidFill>
              </a:defRPr>
            </a:lvl7pPr>
            <a:lvl8pPr>
              <a:buClr>
                <a:schemeClr val="bg2"/>
              </a:buClr>
              <a:defRPr>
                <a:solidFill>
                  <a:schemeClr val="bg2"/>
                </a:solidFill>
              </a:defRPr>
            </a:lvl8pPr>
            <a:lvl9pPr>
              <a:buClr>
                <a:schemeClr val="bg2"/>
              </a:buClr>
              <a:defRPr>
                <a:solidFill>
                  <a:schemeClr val="bg2"/>
                </a:solidFill>
              </a:defRPr>
            </a:lvl9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9532800" y="2872800"/>
            <a:ext cx="2448000" cy="2448000"/>
          </a:xfrm>
        </p:spPr>
        <p:txBody>
          <a:bodyPr/>
          <a:lstStyle>
            <a:lvl1pPr marL="0" indent="0">
              <a:buNone/>
              <a:defRPr sz="14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TextBox 19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man indsætte graﬁkelementer til højre for teksten. </a:t>
            </a:r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4066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5112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4" hasCustomPrompt="1"/>
          </p:nvPr>
        </p:nvSpPr>
        <p:spPr>
          <a:xfrm>
            <a:off x="7346400" y="1989056"/>
            <a:ext cx="4392000" cy="4392000"/>
          </a:xfrm>
          <a:custGeom>
            <a:avLst/>
            <a:gdLst>
              <a:gd name="connsiteX0" fmla="*/ 0 w 4392000"/>
              <a:gd name="connsiteY0" fmla="*/ 0 h 4392000"/>
              <a:gd name="connsiteX1" fmla="*/ 1073 w 4392000"/>
              <a:gd name="connsiteY1" fmla="*/ 0 h 4392000"/>
              <a:gd name="connsiteX2" fmla="*/ 8578 w 4392000"/>
              <a:gd name="connsiteY2" fmla="*/ 0 h 4392000"/>
              <a:gd name="connsiteX3" fmla="*/ 28951 w 4392000"/>
              <a:gd name="connsiteY3" fmla="*/ 0 h 4392000"/>
              <a:gd name="connsiteX4" fmla="*/ 68625 w 4392000"/>
              <a:gd name="connsiteY4" fmla="*/ 0 h 4392000"/>
              <a:gd name="connsiteX5" fmla="*/ 97711 w 4392000"/>
              <a:gd name="connsiteY5" fmla="*/ 0 h 4392000"/>
              <a:gd name="connsiteX6" fmla="*/ 134034 w 4392000"/>
              <a:gd name="connsiteY6" fmla="*/ 0 h 4392000"/>
              <a:gd name="connsiteX7" fmla="*/ 178399 w 4392000"/>
              <a:gd name="connsiteY7" fmla="*/ 0 h 4392000"/>
              <a:gd name="connsiteX8" fmla="*/ 231610 w 4392000"/>
              <a:gd name="connsiteY8" fmla="*/ 0 h 4392000"/>
              <a:gd name="connsiteX9" fmla="*/ 294471 w 4392000"/>
              <a:gd name="connsiteY9" fmla="*/ 0 h 4392000"/>
              <a:gd name="connsiteX10" fmla="*/ 367787 w 4392000"/>
              <a:gd name="connsiteY10" fmla="*/ 0 h 4392000"/>
              <a:gd name="connsiteX11" fmla="*/ 452362 w 4392000"/>
              <a:gd name="connsiteY11" fmla="*/ 0 h 4392000"/>
              <a:gd name="connsiteX12" fmla="*/ 549000 w 4392000"/>
              <a:gd name="connsiteY12" fmla="*/ 0 h 4392000"/>
              <a:gd name="connsiteX13" fmla="*/ 658505 w 4392000"/>
              <a:gd name="connsiteY13" fmla="*/ 0 h 4392000"/>
              <a:gd name="connsiteX14" fmla="*/ 781682 w 4392000"/>
              <a:gd name="connsiteY14" fmla="*/ 0 h 4392000"/>
              <a:gd name="connsiteX15" fmla="*/ 919334 w 4392000"/>
              <a:gd name="connsiteY15" fmla="*/ 0 h 4392000"/>
              <a:gd name="connsiteX16" fmla="*/ 1072266 w 4392000"/>
              <a:gd name="connsiteY16" fmla="*/ 0 h 4392000"/>
              <a:gd name="connsiteX17" fmla="*/ 1241282 w 4392000"/>
              <a:gd name="connsiteY17" fmla="*/ 0 h 4392000"/>
              <a:gd name="connsiteX18" fmla="*/ 1427186 w 4392000"/>
              <a:gd name="connsiteY18" fmla="*/ 0 h 4392000"/>
              <a:gd name="connsiteX19" fmla="*/ 1630782 w 4392000"/>
              <a:gd name="connsiteY19" fmla="*/ 0 h 4392000"/>
              <a:gd name="connsiteX20" fmla="*/ 1852875 w 4392000"/>
              <a:gd name="connsiteY20" fmla="*/ 0 h 4392000"/>
              <a:gd name="connsiteX21" fmla="*/ 2094269 w 4392000"/>
              <a:gd name="connsiteY21" fmla="*/ 0 h 4392000"/>
              <a:gd name="connsiteX22" fmla="*/ 2355768 w 4392000"/>
              <a:gd name="connsiteY22" fmla="*/ 0 h 4392000"/>
              <a:gd name="connsiteX23" fmla="*/ 2638176 w 4392000"/>
              <a:gd name="connsiteY23" fmla="*/ 0 h 4392000"/>
              <a:gd name="connsiteX24" fmla="*/ 2942297 w 4392000"/>
              <a:gd name="connsiteY24" fmla="*/ 0 h 4392000"/>
              <a:gd name="connsiteX25" fmla="*/ 3268936 w 4392000"/>
              <a:gd name="connsiteY25" fmla="*/ 0 h 4392000"/>
              <a:gd name="connsiteX26" fmla="*/ 3618896 w 4392000"/>
              <a:gd name="connsiteY26" fmla="*/ 0 h 4392000"/>
              <a:gd name="connsiteX27" fmla="*/ 3992983 w 4392000"/>
              <a:gd name="connsiteY27" fmla="*/ 0 h 4392000"/>
              <a:gd name="connsiteX28" fmla="*/ 4392000 w 4392000"/>
              <a:gd name="connsiteY28" fmla="*/ 0 h 4392000"/>
              <a:gd name="connsiteX29" fmla="*/ 4392000 w 4392000"/>
              <a:gd name="connsiteY29" fmla="*/ 930 h 4392000"/>
              <a:gd name="connsiteX30" fmla="*/ 4392000 w 4392000"/>
              <a:gd name="connsiteY30" fmla="*/ 7437 h 4392000"/>
              <a:gd name="connsiteX31" fmla="*/ 4392000 w 4392000"/>
              <a:gd name="connsiteY31" fmla="*/ 25100 h 4392000"/>
              <a:gd name="connsiteX32" fmla="*/ 4392000 w 4392000"/>
              <a:gd name="connsiteY32" fmla="*/ 59495 h 4392000"/>
              <a:gd name="connsiteX33" fmla="*/ 4392000 w 4392000"/>
              <a:gd name="connsiteY33" fmla="*/ 116201 h 4392000"/>
              <a:gd name="connsiteX34" fmla="*/ 4392000 w 4392000"/>
              <a:gd name="connsiteY34" fmla="*/ 154663 h 4392000"/>
              <a:gd name="connsiteX35" fmla="*/ 4392000 w 4392000"/>
              <a:gd name="connsiteY35" fmla="*/ 200795 h 4392000"/>
              <a:gd name="connsiteX36" fmla="*/ 4392000 w 4392000"/>
              <a:gd name="connsiteY36" fmla="*/ 255293 h 4392000"/>
              <a:gd name="connsiteX37" fmla="*/ 4392000 w 4392000"/>
              <a:gd name="connsiteY37" fmla="*/ 318855 h 4392000"/>
              <a:gd name="connsiteX38" fmla="*/ 4392000 w 4392000"/>
              <a:gd name="connsiteY38" fmla="*/ 392178 h 4392000"/>
              <a:gd name="connsiteX39" fmla="*/ 4392000 w 4392000"/>
              <a:gd name="connsiteY39" fmla="*/ 475959 h 4392000"/>
              <a:gd name="connsiteX40" fmla="*/ 4392000 w 4392000"/>
              <a:gd name="connsiteY40" fmla="*/ 570895 h 4392000"/>
              <a:gd name="connsiteX41" fmla="*/ 4392000 w 4392000"/>
              <a:gd name="connsiteY41" fmla="*/ 677684 h 4392000"/>
              <a:gd name="connsiteX42" fmla="*/ 4392000 w 4392000"/>
              <a:gd name="connsiteY42" fmla="*/ 797022 h 4392000"/>
              <a:gd name="connsiteX43" fmla="*/ 4392000 w 4392000"/>
              <a:gd name="connsiteY43" fmla="*/ 929607 h 4392000"/>
              <a:gd name="connsiteX44" fmla="*/ 4392000 w 4392000"/>
              <a:gd name="connsiteY44" fmla="*/ 1076136 h 4392000"/>
              <a:gd name="connsiteX45" fmla="*/ 4392000 w 4392000"/>
              <a:gd name="connsiteY45" fmla="*/ 1237307 h 4392000"/>
              <a:gd name="connsiteX46" fmla="*/ 4392000 w 4392000"/>
              <a:gd name="connsiteY46" fmla="*/ 1413816 h 4392000"/>
              <a:gd name="connsiteX47" fmla="*/ 4392000 w 4392000"/>
              <a:gd name="connsiteY47" fmla="*/ 1606361 h 4392000"/>
              <a:gd name="connsiteX48" fmla="*/ 4392000 w 4392000"/>
              <a:gd name="connsiteY48" fmla="*/ 1815639 h 4392000"/>
              <a:gd name="connsiteX49" fmla="*/ 4392000 w 4392000"/>
              <a:gd name="connsiteY49" fmla="*/ 2042347 h 4392000"/>
              <a:gd name="connsiteX50" fmla="*/ 4392000 w 4392000"/>
              <a:gd name="connsiteY50" fmla="*/ 2287182 h 4392000"/>
              <a:gd name="connsiteX51" fmla="*/ 4392000 w 4392000"/>
              <a:gd name="connsiteY51" fmla="*/ 2550842 h 4392000"/>
              <a:gd name="connsiteX52" fmla="*/ 4392000 w 4392000"/>
              <a:gd name="connsiteY52" fmla="*/ 2834023 h 4392000"/>
              <a:gd name="connsiteX53" fmla="*/ 4392000 w 4392000"/>
              <a:gd name="connsiteY53" fmla="*/ 3137424 h 4392000"/>
              <a:gd name="connsiteX54" fmla="*/ 4392000 w 4392000"/>
              <a:gd name="connsiteY54" fmla="*/ 3461740 h 4392000"/>
              <a:gd name="connsiteX55" fmla="*/ 4392000 w 4392000"/>
              <a:gd name="connsiteY55" fmla="*/ 3807670 h 4392000"/>
              <a:gd name="connsiteX56" fmla="*/ 3808093 w 4392000"/>
              <a:gd name="connsiteY56" fmla="*/ 4392000 h 4392000"/>
              <a:gd name="connsiteX57" fmla="*/ 3807163 w 4392000"/>
              <a:gd name="connsiteY57" fmla="*/ 4392000 h 4392000"/>
              <a:gd name="connsiteX58" fmla="*/ 3800655 w 4392000"/>
              <a:gd name="connsiteY58" fmla="*/ 4392000 h 4392000"/>
              <a:gd name="connsiteX59" fmla="*/ 3782991 w 4392000"/>
              <a:gd name="connsiteY59" fmla="*/ 4392000 h 4392000"/>
              <a:gd name="connsiteX60" fmla="*/ 3748592 w 4392000"/>
              <a:gd name="connsiteY60" fmla="*/ 4392000 h 4392000"/>
              <a:gd name="connsiteX61" fmla="*/ 3691879 w 4392000"/>
              <a:gd name="connsiteY61" fmla="*/ 4392000 h 4392000"/>
              <a:gd name="connsiteX62" fmla="*/ 3653412 w 4392000"/>
              <a:gd name="connsiteY62" fmla="*/ 4392000 h 4392000"/>
              <a:gd name="connsiteX63" fmla="*/ 3607276 w 4392000"/>
              <a:gd name="connsiteY63" fmla="*/ 4392000 h 4392000"/>
              <a:gd name="connsiteX64" fmla="*/ 3552771 w 4392000"/>
              <a:gd name="connsiteY64" fmla="*/ 4392000 h 4392000"/>
              <a:gd name="connsiteX65" fmla="*/ 3489202 w 4392000"/>
              <a:gd name="connsiteY65" fmla="*/ 4392000 h 4392000"/>
              <a:gd name="connsiteX66" fmla="*/ 3415872 w 4392000"/>
              <a:gd name="connsiteY66" fmla="*/ 4392000 h 4392000"/>
              <a:gd name="connsiteX67" fmla="*/ 3332081 w 4392000"/>
              <a:gd name="connsiteY67" fmla="*/ 4392000 h 4392000"/>
              <a:gd name="connsiteX68" fmla="*/ 3237135 w 4392000"/>
              <a:gd name="connsiteY68" fmla="*/ 4392000 h 4392000"/>
              <a:gd name="connsiteX69" fmla="*/ 3130334 w 4392000"/>
              <a:gd name="connsiteY69" fmla="*/ 4392000 h 4392000"/>
              <a:gd name="connsiteX70" fmla="*/ 3010983 w 4392000"/>
              <a:gd name="connsiteY70" fmla="*/ 4392000 h 4392000"/>
              <a:gd name="connsiteX71" fmla="*/ 2878383 w 4392000"/>
              <a:gd name="connsiteY71" fmla="*/ 4392000 h 4392000"/>
              <a:gd name="connsiteX72" fmla="*/ 2731837 w 4392000"/>
              <a:gd name="connsiteY72" fmla="*/ 4392000 h 4392000"/>
              <a:gd name="connsiteX73" fmla="*/ 2570649 w 4392000"/>
              <a:gd name="connsiteY73" fmla="*/ 4392000 h 4392000"/>
              <a:gd name="connsiteX74" fmla="*/ 2394120 w 4392000"/>
              <a:gd name="connsiteY74" fmla="*/ 4392000 h 4392000"/>
              <a:gd name="connsiteX75" fmla="*/ 2201554 w 4392000"/>
              <a:gd name="connsiteY75" fmla="*/ 4392000 h 4392000"/>
              <a:gd name="connsiteX76" fmla="*/ 1992253 w 4392000"/>
              <a:gd name="connsiteY76" fmla="*/ 4392000 h 4392000"/>
              <a:gd name="connsiteX77" fmla="*/ 1765520 w 4392000"/>
              <a:gd name="connsiteY77" fmla="*/ 4392000 h 4392000"/>
              <a:gd name="connsiteX78" fmla="*/ 1520657 w 4392000"/>
              <a:gd name="connsiteY78" fmla="*/ 4392000 h 4392000"/>
              <a:gd name="connsiteX79" fmla="*/ 1256968 w 4392000"/>
              <a:gd name="connsiteY79" fmla="*/ 4392000 h 4392000"/>
              <a:gd name="connsiteX80" fmla="*/ 973755 w 4392000"/>
              <a:gd name="connsiteY80" fmla="*/ 4392000 h 4392000"/>
              <a:gd name="connsiteX81" fmla="*/ 670321 w 4392000"/>
              <a:gd name="connsiteY81" fmla="*/ 4392000 h 4392000"/>
              <a:gd name="connsiteX82" fmla="*/ 345969 w 4392000"/>
              <a:gd name="connsiteY82" fmla="*/ 4392000 h 4392000"/>
              <a:gd name="connsiteX83" fmla="*/ 0 w 4392000"/>
              <a:gd name="connsiteY83" fmla="*/ 4392000 h 43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</a:cxnLst>
            <a:rect l="l" t="t" r="r" b="b"/>
            <a:pathLst>
              <a:path w="4392000" h="4392000">
                <a:moveTo>
                  <a:pt x="0" y="0"/>
                </a:moveTo>
                <a:lnTo>
                  <a:pt x="1073" y="0"/>
                </a:lnTo>
                <a:lnTo>
                  <a:pt x="8578" y="0"/>
                </a:lnTo>
                <a:lnTo>
                  <a:pt x="28951" y="0"/>
                </a:lnTo>
                <a:lnTo>
                  <a:pt x="68625" y="0"/>
                </a:lnTo>
                <a:lnTo>
                  <a:pt x="97711" y="0"/>
                </a:lnTo>
                <a:lnTo>
                  <a:pt x="134034" y="0"/>
                </a:lnTo>
                <a:lnTo>
                  <a:pt x="178399" y="0"/>
                </a:lnTo>
                <a:lnTo>
                  <a:pt x="231610" y="0"/>
                </a:lnTo>
                <a:lnTo>
                  <a:pt x="294471" y="0"/>
                </a:lnTo>
                <a:lnTo>
                  <a:pt x="367787" y="0"/>
                </a:lnTo>
                <a:lnTo>
                  <a:pt x="452362" y="0"/>
                </a:lnTo>
                <a:lnTo>
                  <a:pt x="549000" y="0"/>
                </a:lnTo>
                <a:lnTo>
                  <a:pt x="658505" y="0"/>
                </a:lnTo>
                <a:lnTo>
                  <a:pt x="781682" y="0"/>
                </a:lnTo>
                <a:lnTo>
                  <a:pt x="919334" y="0"/>
                </a:lnTo>
                <a:lnTo>
                  <a:pt x="1072266" y="0"/>
                </a:lnTo>
                <a:lnTo>
                  <a:pt x="1241282" y="0"/>
                </a:lnTo>
                <a:lnTo>
                  <a:pt x="1427186" y="0"/>
                </a:lnTo>
                <a:lnTo>
                  <a:pt x="1630782" y="0"/>
                </a:lnTo>
                <a:lnTo>
                  <a:pt x="1852875" y="0"/>
                </a:lnTo>
                <a:lnTo>
                  <a:pt x="2094269" y="0"/>
                </a:lnTo>
                <a:lnTo>
                  <a:pt x="2355768" y="0"/>
                </a:lnTo>
                <a:lnTo>
                  <a:pt x="2638176" y="0"/>
                </a:lnTo>
                <a:lnTo>
                  <a:pt x="2942297" y="0"/>
                </a:lnTo>
                <a:lnTo>
                  <a:pt x="3268936" y="0"/>
                </a:lnTo>
                <a:lnTo>
                  <a:pt x="3618896" y="0"/>
                </a:lnTo>
                <a:lnTo>
                  <a:pt x="3992983" y="0"/>
                </a:lnTo>
                <a:lnTo>
                  <a:pt x="4392000" y="0"/>
                </a:lnTo>
                <a:lnTo>
                  <a:pt x="4392000" y="930"/>
                </a:lnTo>
                <a:lnTo>
                  <a:pt x="4392000" y="7437"/>
                </a:lnTo>
                <a:lnTo>
                  <a:pt x="4392000" y="25100"/>
                </a:lnTo>
                <a:lnTo>
                  <a:pt x="4392000" y="59495"/>
                </a:lnTo>
                <a:lnTo>
                  <a:pt x="4392000" y="116201"/>
                </a:lnTo>
                <a:lnTo>
                  <a:pt x="4392000" y="154663"/>
                </a:lnTo>
                <a:lnTo>
                  <a:pt x="4392000" y="200795"/>
                </a:lnTo>
                <a:lnTo>
                  <a:pt x="4392000" y="255293"/>
                </a:lnTo>
                <a:lnTo>
                  <a:pt x="4392000" y="318855"/>
                </a:lnTo>
                <a:lnTo>
                  <a:pt x="4392000" y="392178"/>
                </a:lnTo>
                <a:lnTo>
                  <a:pt x="4392000" y="475959"/>
                </a:lnTo>
                <a:lnTo>
                  <a:pt x="4392000" y="570895"/>
                </a:lnTo>
                <a:lnTo>
                  <a:pt x="4392000" y="677684"/>
                </a:lnTo>
                <a:lnTo>
                  <a:pt x="4392000" y="797022"/>
                </a:lnTo>
                <a:lnTo>
                  <a:pt x="4392000" y="929607"/>
                </a:lnTo>
                <a:lnTo>
                  <a:pt x="4392000" y="1076136"/>
                </a:lnTo>
                <a:lnTo>
                  <a:pt x="4392000" y="1237307"/>
                </a:lnTo>
                <a:lnTo>
                  <a:pt x="4392000" y="1413816"/>
                </a:lnTo>
                <a:lnTo>
                  <a:pt x="4392000" y="1606361"/>
                </a:lnTo>
                <a:lnTo>
                  <a:pt x="4392000" y="1815639"/>
                </a:lnTo>
                <a:lnTo>
                  <a:pt x="4392000" y="2042347"/>
                </a:lnTo>
                <a:lnTo>
                  <a:pt x="4392000" y="2287182"/>
                </a:lnTo>
                <a:lnTo>
                  <a:pt x="4392000" y="2550842"/>
                </a:lnTo>
                <a:lnTo>
                  <a:pt x="4392000" y="2834023"/>
                </a:lnTo>
                <a:lnTo>
                  <a:pt x="4392000" y="3137424"/>
                </a:lnTo>
                <a:lnTo>
                  <a:pt x="4392000" y="3461740"/>
                </a:lnTo>
                <a:lnTo>
                  <a:pt x="4392000" y="3807670"/>
                </a:lnTo>
                <a:cubicBezTo>
                  <a:pt x="4163515" y="4036321"/>
                  <a:pt x="4036578" y="4163349"/>
                  <a:pt x="3808093" y="4392000"/>
                </a:cubicBezTo>
                <a:lnTo>
                  <a:pt x="3807163" y="4392000"/>
                </a:lnTo>
                <a:lnTo>
                  <a:pt x="3800655" y="4392000"/>
                </a:lnTo>
                <a:lnTo>
                  <a:pt x="3782991" y="4392000"/>
                </a:lnTo>
                <a:lnTo>
                  <a:pt x="3748592" y="4392000"/>
                </a:lnTo>
                <a:lnTo>
                  <a:pt x="3691879" y="4392000"/>
                </a:lnTo>
                <a:lnTo>
                  <a:pt x="3653412" y="4392000"/>
                </a:lnTo>
                <a:lnTo>
                  <a:pt x="3607276" y="4392000"/>
                </a:lnTo>
                <a:lnTo>
                  <a:pt x="3552771" y="4392000"/>
                </a:lnTo>
                <a:lnTo>
                  <a:pt x="3489202" y="4392000"/>
                </a:lnTo>
                <a:lnTo>
                  <a:pt x="3415872" y="4392000"/>
                </a:lnTo>
                <a:lnTo>
                  <a:pt x="3332081" y="4392000"/>
                </a:lnTo>
                <a:lnTo>
                  <a:pt x="3237135" y="4392000"/>
                </a:lnTo>
                <a:lnTo>
                  <a:pt x="3130334" y="4392000"/>
                </a:lnTo>
                <a:lnTo>
                  <a:pt x="3010983" y="4392000"/>
                </a:lnTo>
                <a:lnTo>
                  <a:pt x="2878383" y="4392000"/>
                </a:lnTo>
                <a:lnTo>
                  <a:pt x="2731837" y="4392000"/>
                </a:lnTo>
                <a:lnTo>
                  <a:pt x="2570649" y="4392000"/>
                </a:lnTo>
                <a:lnTo>
                  <a:pt x="2394120" y="4392000"/>
                </a:lnTo>
                <a:lnTo>
                  <a:pt x="2201554" y="4392000"/>
                </a:lnTo>
                <a:lnTo>
                  <a:pt x="1992253" y="4392000"/>
                </a:lnTo>
                <a:lnTo>
                  <a:pt x="1765520" y="4392000"/>
                </a:lnTo>
                <a:lnTo>
                  <a:pt x="1520657" y="4392000"/>
                </a:lnTo>
                <a:lnTo>
                  <a:pt x="1256968" y="4392000"/>
                </a:lnTo>
                <a:lnTo>
                  <a:pt x="973755" y="4392000"/>
                </a:lnTo>
                <a:lnTo>
                  <a:pt x="670321" y="4392000"/>
                </a:lnTo>
                <a:lnTo>
                  <a:pt x="345969" y="4392000"/>
                </a:lnTo>
                <a:lnTo>
                  <a:pt x="0" y="4392000"/>
                </a:lnTo>
                <a:close/>
              </a:path>
            </a:pathLst>
          </a:custGeom>
        </p:spPr>
        <p:txBody>
          <a:bodyPr wrap="square" tIns="180000" anchor="t" anchorCtr="0">
            <a:noAutofit/>
          </a:bodyPr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t udskiftes.</a:t>
            </a:r>
          </a:p>
        </p:txBody>
      </p:sp>
    </p:spTree>
    <p:extLst>
      <p:ext uri="{BB962C8B-B14F-4D97-AF65-F5344CB8AC3E}">
        <p14:creationId xmlns:p14="http://schemas.microsoft.com/office/powerpoint/2010/main" val="3578158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56000" y="756000"/>
            <a:ext cx="8560800" cy="93489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40801" y="1989056"/>
            <a:ext cx="7776000" cy="41129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43480" y="6528915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4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7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FE36D3-6D8A-41B0-8F1B-2F75587B4040}" type="datetime2">
              <a:rPr lang="da-DK" smtClean="0"/>
              <a:t>9. december 2018</a:t>
            </a:fld>
            <a:endParaRPr lang="en-GB" dirty="0"/>
          </a:p>
        </p:txBody>
      </p:sp>
      <p:sp>
        <p:nvSpPr>
          <p:cNvPr id="18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9" name="Logo"/>
          <p:cNvPicPr>
            <a:picLocks noChangeAspect="1"/>
          </p:cNvPicPr>
          <p:nvPr userDrawn="1"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200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24" r:id="rId2"/>
    <p:sldLayoutId id="2147483736" r:id="rId3"/>
    <p:sldLayoutId id="2147483658" r:id="rId4"/>
    <p:sldLayoutId id="2147483722" r:id="rId5"/>
    <p:sldLayoutId id="2147483721" r:id="rId6"/>
    <p:sldLayoutId id="2147483725" r:id="rId7"/>
    <p:sldLayoutId id="2147483726" r:id="rId8"/>
    <p:sldLayoutId id="2147483728" r:id="rId9"/>
    <p:sldLayoutId id="2147483729" r:id="rId10"/>
    <p:sldLayoutId id="2147483731" r:id="rId11"/>
    <p:sldLayoutId id="2147483734" r:id="rId12"/>
    <p:sldLayoutId id="2147483727" r:id="rId13"/>
    <p:sldLayoutId id="2147483732" r:id="rId14"/>
    <p:sldLayoutId id="2147483735" r:id="rId15"/>
    <p:sldLayoutId id="2147483733" r:id="rId16"/>
    <p:sldLayoutId id="2147483652" r:id="rId17"/>
    <p:sldLayoutId id="2147483654" r:id="rId18"/>
    <p:sldLayoutId id="2147483655" r:id="rId19"/>
    <p:sldLayoutId id="2147483670" r:id="rId20"/>
    <p:sldLayoutId id="2147483737" r:id="rId21"/>
    <p:sldLayoutId id="2147483738" r:id="rId22"/>
    <p:sldLayoutId id="2147483739" r:id="rId23"/>
  </p:sldLayoutIdLst>
  <p:hf hdr="0"/>
  <p:txStyles>
    <p:titleStyle>
      <a:lvl1pPr algn="l" defTabSz="914400" rtl="0" eaLnBrk="1" latinLnBrk="0" hangingPunct="1">
        <a:lnSpc>
          <a:spcPct val="88000"/>
        </a:lnSpc>
        <a:spcBef>
          <a:spcPct val="0"/>
        </a:spcBef>
        <a:buNone/>
        <a:defRPr lang="en-US" sz="3400" b="1" kern="1200" dirty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1000"/>
        </a:lnSpc>
        <a:spcBef>
          <a:spcPts val="600"/>
        </a:spcBef>
        <a:spcAft>
          <a:spcPts val="1400"/>
        </a:spcAft>
        <a:buClr>
          <a:schemeClr val="tx2"/>
        </a:buClr>
        <a:buSzPct val="90000"/>
        <a:buFont typeface="Wingdings 2" panose="05020102010507070707" pitchFamily="18" charset="2"/>
        <a:buChar char="¡"/>
        <a:defRPr sz="18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76" userDrawn="1">
          <p15:clr>
            <a:srgbClr val="F26B43"/>
          </p15:clr>
        </p15:guide>
        <p15:guide id="2" pos="5868" userDrawn="1">
          <p15:clr>
            <a:srgbClr val="F26B43"/>
          </p15:clr>
        </p15:guide>
        <p15:guide id="3" orient="horz" pos="476" userDrawn="1">
          <p15:clr>
            <a:srgbClr val="F26B43"/>
          </p15:clr>
        </p15:guide>
        <p15:guide id="4" orient="horz" pos="1065" userDrawn="1">
          <p15:clr>
            <a:srgbClr val="F26B43"/>
          </p15:clr>
        </p15:guide>
        <p15:guide id="5" pos="970" userDrawn="1">
          <p15:clr>
            <a:srgbClr val="F26B43"/>
          </p15:clr>
        </p15:guide>
        <p15:guide id="6" orient="horz" pos="1252" userDrawn="1">
          <p15:clr>
            <a:srgbClr val="F26B43"/>
          </p15:clr>
        </p15:guide>
        <p15:guide id="7" orient="horz" pos="3843" userDrawn="1">
          <p15:clr>
            <a:srgbClr val="F26B43"/>
          </p15:clr>
        </p15:guide>
        <p15:guide id="8" pos="6843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15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3.xml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12" Type="http://schemas.microsoft.com/office/2007/relationships/diagramDrawing" Target="../diagrams/drawing3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2.xml"/><Relationship Id="rId6" Type="http://schemas.openxmlformats.org/officeDocument/2006/relationships/diagramColors" Target="../diagrams/colors2.xml"/><Relationship Id="rId11" Type="http://schemas.openxmlformats.org/officeDocument/2006/relationships/diagramColors" Target="../diagrams/colors3.xml"/><Relationship Id="rId5" Type="http://schemas.openxmlformats.org/officeDocument/2006/relationships/diagramQuickStyle" Target="../diagrams/quickStyle2.xml"/><Relationship Id="rId10" Type="http://schemas.openxmlformats.org/officeDocument/2006/relationships/diagramQuickStyle" Target="../diagrams/quickStyle3.xml"/><Relationship Id="rId4" Type="http://schemas.openxmlformats.org/officeDocument/2006/relationships/diagramLayout" Target="../diagrams/layout2.xml"/><Relationship Id="rId9" Type="http://schemas.openxmlformats.org/officeDocument/2006/relationships/diagramLayout" Target="../diagrams/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G"/><Relationship Id="rId7" Type="http://schemas.openxmlformats.org/officeDocument/2006/relationships/image" Target="../media/image22.JPG"/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21.JPG"/><Relationship Id="rId5" Type="http://schemas.openxmlformats.org/officeDocument/2006/relationships/image" Target="../media/image20.JPG"/><Relationship Id="rId4" Type="http://schemas.openxmlformats.org/officeDocument/2006/relationships/image" Target="../media/image19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9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" name="Shape 197"/>
          <p:cNvSpPr txBox="1"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marR="0" lvl="0" indent="0" algn="l" rtl="0">
              <a:lnSpc>
                <a:spcPct val="88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4800"/>
              <a:buFont typeface="Corbel"/>
              <a:buNone/>
            </a:pPr>
            <a:r>
              <a:rPr lang="da-DK" sz="4800" b="1" i="0" u="none" strike="noStrike" cap="none" dirty="0">
                <a:solidFill>
                  <a:schemeClr val="lt2"/>
                </a:solidFill>
                <a:latin typeface="Corbel"/>
                <a:ea typeface="Corbel"/>
                <a:cs typeface="Corbel"/>
                <a:sym typeface="Corbel"/>
              </a:rPr>
              <a:t>Hvordan skaber vi rammen for kvalitet? </a:t>
            </a:r>
            <a:endParaRPr dirty="0"/>
          </a:p>
        </p:txBody>
      </p:sp>
      <p:sp>
        <p:nvSpPr>
          <p:cNvPr id="198" name="Shape 198"/>
          <p:cNvSpPr txBox="1">
            <a:spLocks noGrp="1"/>
          </p:cNvSpPr>
          <p:nvPr>
            <p:ph type="subTitle" idx="1"/>
          </p:nvPr>
        </p:nvSpPr>
        <p:spPr>
          <a:xfrm>
            <a:off x="756000" y="2810100"/>
            <a:ext cx="8208600" cy="1092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marR="0" lvl="0" indent="0" algn="l" rtl="0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2160"/>
              <a:buFont typeface="Arial"/>
              <a:buChar char="​"/>
            </a:pPr>
            <a:r>
              <a:rPr lang="da-DK" dirty="0"/>
              <a:t>Om kvalitetspolitikker m.v. </a:t>
            </a:r>
            <a:endParaRPr dirty="0"/>
          </a:p>
        </p:txBody>
      </p:sp>
      <p:sp>
        <p:nvSpPr>
          <p:cNvPr id="199" name="Shape 199"/>
          <p:cNvSpPr txBox="1">
            <a:spLocks noGrp="1"/>
          </p:cNvSpPr>
          <p:nvPr>
            <p:ph type="body" idx="2"/>
          </p:nvPr>
        </p:nvSpPr>
        <p:spPr>
          <a:xfrm>
            <a:off x="719214" y="5301208"/>
            <a:ext cx="4787820" cy="60559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marR="0" lvl="0" indent="0" algn="l" rtl="0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440"/>
              <a:buFont typeface="Noto Sans Symbols"/>
              <a:buNone/>
            </a:pPr>
            <a:r>
              <a:rPr lang="da-DK" dirty="0"/>
              <a:t>Oplæg Fluid, 11. december 2018</a:t>
            </a:r>
          </a:p>
          <a:p>
            <a:pPr marL="0" marR="0" lvl="0" indent="0" algn="l" rtl="0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440"/>
              <a:buFont typeface="Noto Sans Symbols"/>
              <a:buNone/>
            </a:pPr>
            <a:r>
              <a:rPr lang="da-DK" dirty="0"/>
              <a:t>Christian Moldt, Ph.d. kvalitetschef </a:t>
            </a:r>
            <a:endParaRPr dirty="0"/>
          </a:p>
        </p:txBody>
      </p:sp>
      <p:sp>
        <p:nvSpPr>
          <p:cNvPr id="200" name="Shape 200"/>
          <p:cNvSpPr txBox="1">
            <a:spLocks noGrp="1"/>
          </p:cNvSpPr>
          <p:nvPr>
            <p:ph type="ftr" idx="4294967295"/>
          </p:nvPr>
        </p:nvSpPr>
        <p:spPr>
          <a:xfrm>
            <a:off x="0" y="7064400"/>
            <a:ext cx="0" cy="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00">
              <a:latin typeface="Corbel"/>
              <a:ea typeface="Corbel"/>
              <a:cs typeface="Corbel"/>
              <a:sym typeface="Corbel"/>
            </a:endParaRPr>
          </a:p>
        </p:txBody>
      </p:sp>
    </p:spTree>
    <p:extLst>
      <p:ext uri="{BB962C8B-B14F-4D97-AF65-F5344CB8AC3E}">
        <p14:creationId xmlns:p14="http://schemas.microsoft.com/office/powerpoint/2010/main" val="177921397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4092E57-A1E9-F640-8A98-3876D207F5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Udviklingen i gennemførelse og fastholdelse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29C9DCD-FCCB-1546-9DD8-9F542AFCF79D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60CEBB8-BA30-FD44-B850-5E6C031BCD6A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E3EB295-7F56-5041-A7EE-13D4D0196351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10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7135E0A0-FC0A-4349-9C36-3BC4A485D02E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1FD85D33-E4F8-1446-BABB-F26B604AC14C}"/>
              </a:ext>
            </a:extLst>
          </p:cNvPr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9326"/>
          <a:stretch/>
        </p:blipFill>
        <p:spPr>
          <a:xfrm>
            <a:off x="479376" y="1862630"/>
            <a:ext cx="1426791" cy="4175760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255EA07B-AB25-D94A-BD27-1DAFEDE461B2}"/>
              </a:ext>
            </a:extLst>
          </p:cNvPr>
          <p:cNvSpPr txBox="1"/>
          <p:nvPr/>
        </p:nvSpPr>
        <p:spPr>
          <a:xfrm>
            <a:off x="911424" y="5886556"/>
            <a:ext cx="1426791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Ordinært tilrettelagt</a:t>
            </a:r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EB278954-EDC3-E048-8A67-5F776A7DCD56}"/>
              </a:ext>
            </a:extLst>
          </p:cNvPr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8787"/>
          <a:stretch/>
        </p:blipFill>
        <p:spPr>
          <a:xfrm>
            <a:off x="2020863" y="1874463"/>
            <a:ext cx="1498799" cy="4175760"/>
          </a:xfrm>
          <a:prstGeom prst="rect">
            <a:avLst/>
          </a:prstGeom>
        </p:spPr>
      </p:pic>
      <p:sp>
        <p:nvSpPr>
          <p:cNvPr id="13" name="Tekstfelt 12">
            <a:extLst>
              <a:ext uri="{FF2B5EF4-FFF2-40B4-BE49-F238E27FC236}">
                <a16:creationId xmlns:a16="http://schemas.microsoft.com/office/drawing/2014/main" id="{7C873FAE-5518-7E4F-A58A-203BE56E86B3}"/>
              </a:ext>
            </a:extLst>
          </p:cNvPr>
          <p:cNvSpPr txBox="1"/>
          <p:nvPr/>
        </p:nvSpPr>
        <p:spPr>
          <a:xfrm>
            <a:off x="2338215" y="5892555"/>
            <a:ext cx="142679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E-læring</a:t>
            </a:r>
          </a:p>
        </p:txBody>
      </p:sp>
      <p:pic>
        <p:nvPicPr>
          <p:cNvPr id="17" name="Billede 16" descr="Et billede, der indeholder skærmbillede&#10;&#10;&#10;&#10;Automatisk oprettet beskrivelse">
            <a:extLst>
              <a:ext uri="{FF2B5EF4-FFF2-40B4-BE49-F238E27FC236}">
                <a16:creationId xmlns:a16="http://schemas.microsoft.com/office/drawing/2014/main" id="{060C7EF3-5D45-9446-A4C5-010DD8872CF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5800" y="3140968"/>
            <a:ext cx="7227902" cy="2464900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C7B6590E-8576-E44E-A00E-57DE00CBFC2E}"/>
              </a:ext>
            </a:extLst>
          </p:cNvPr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7406"/>
          <a:stretch/>
        </p:blipFill>
        <p:spPr>
          <a:xfrm>
            <a:off x="3447654" y="1883169"/>
            <a:ext cx="346671" cy="4175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443608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EEFD33F-A2D4-7B4E-9B85-92A272991D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6000" y="756000"/>
            <a:ext cx="7572248" cy="934890"/>
          </a:xfrm>
        </p:spPr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Beslutning i 2016 om at sætte en række e-læringsbud på ”pause”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28E0E50-4701-164F-953F-1AF5230B35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127448" y="1989056"/>
            <a:ext cx="8189352" cy="4112944"/>
          </a:xfrm>
        </p:spPr>
        <p:txBody>
          <a:bodyPr/>
          <a:lstStyle/>
          <a:p>
            <a:endParaRPr lang="da-DK" dirty="0"/>
          </a:p>
          <a:p>
            <a:r>
              <a:rPr lang="da-DK" dirty="0"/>
              <a:t>Leisure Management</a:t>
            </a:r>
          </a:p>
          <a:p>
            <a:r>
              <a:rPr lang="da-DK" dirty="0"/>
              <a:t>Fysioterapeut</a:t>
            </a:r>
          </a:p>
          <a:p>
            <a:r>
              <a:rPr lang="da-DK" dirty="0"/>
              <a:t>Ergoterapeut</a:t>
            </a:r>
          </a:p>
          <a:p>
            <a:r>
              <a:rPr lang="da-DK" dirty="0"/>
              <a:t>Bioanalytiker</a:t>
            </a:r>
          </a:p>
          <a:p>
            <a:r>
              <a:rPr lang="da-DK" dirty="0"/>
              <a:t>Administrationsbachelor (ny kombineret e-læring/ordinær uddannelse)</a:t>
            </a:r>
          </a:p>
          <a:p>
            <a:r>
              <a:rPr lang="da-DK" dirty="0"/>
              <a:t>Ernæring og Sundhed (beslutning truffet i 2018)</a:t>
            </a:r>
          </a:p>
          <a:p>
            <a:endParaRPr lang="da-DK" dirty="0"/>
          </a:p>
          <a:p>
            <a:pPr marL="125730" indent="0">
              <a:buNone/>
            </a:pPr>
            <a:r>
              <a:rPr lang="da-DK" dirty="0"/>
              <a:t>Baggrund: Uddannelsernes frafald, forsyning af arbejdsmarkedet i Regionen (dvs. de studerende skal gerne være bosat her), uddannelsernes størrelse.</a:t>
            </a:r>
          </a:p>
          <a:p>
            <a:pPr marL="125730" indent="0">
              <a:buNone/>
            </a:pPr>
            <a:endParaRPr lang="da-DK" dirty="0"/>
          </a:p>
          <a:p>
            <a:pPr marL="125730" indent="0">
              <a:buNone/>
            </a:pPr>
            <a:r>
              <a:rPr lang="da-DK" dirty="0"/>
              <a:t>E-læringserfaringerne og ekspertisen overføres til de ordinært tilrettelagte udbud og der investeres i udviklingen af de resterende e-læringsudbud. </a:t>
            </a:r>
          </a:p>
          <a:p>
            <a:pPr marL="125730" indent="0">
              <a:buNone/>
            </a:pPr>
            <a:r>
              <a:rPr lang="da-DK" dirty="0"/>
              <a:t>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CA98188-BB93-CB48-A660-E27D1F63E13B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48B5AEB-C65B-4247-886F-ECDBEA8249F1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A725D21-58E9-034B-AE66-BB5557B1232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11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28A397FF-3D14-BC4C-A1B3-AD385F00D5D7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685437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A7B26C-80CB-1142-AB47-0307F8FBF6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85445" y="786743"/>
            <a:ext cx="8560800" cy="934890"/>
          </a:xfrm>
        </p:spPr>
        <p:txBody>
          <a:bodyPr/>
          <a:lstStyle/>
          <a:p>
            <a:r>
              <a:rPr lang="da-DK" dirty="0"/>
              <a:t>Absalon E projekt-perspektiv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524D668-AE94-EC4F-8BC2-4BD87AAD20A3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DC1FBF4-4461-1143-9E67-D2D2C8855DDF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CA98E4F-3760-CF4F-9D00-B75C6601E3E6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12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06E4F859-C16D-9C49-B56E-84BDD7E69B56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C87AD928-BDB0-8A40-BB00-A704D7D2331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97355802"/>
              </p:ext>
            </p:extLst>
          </p:nvPr>
        </p:nvGraphicFramePr>
        <p:xfrm>
          <a:off x="1525819" y="2253343"/>
          <a:ext cx="4553857" cy="38474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11" name="Diagram 10">
            <a:extLst>
              <a:ext uri="{FF2B5EF4-FFF2-40B4-BE49-F238E27FC236}">
                <a16:creationId xmlns:a16="http://schemas.microsoft.com/office/drawing/2014/main" id="{64730284-AD87-124A-A3F4-AE583221DC6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90572623"/>
              </p:ext>
            </p:extLst>
          </p:nvPr>
        </p:nvGraphicFramePr>
        <p:xfrm>
          <a:off x="6309406" y="2281090"/>
          <a:ext cx="4553857" cy="38474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12" name="Tekstfelt 11">
            <a:extLst>
              <a:ext uri="{FF2B5EF4-FFF2-40B4-BE49-F238E27FC236}">
                <a16:creationId xmlns:a16="http://schemas.microsoft.com/office/drawing/2014/main" id="{4AC336D6-FAF4-9E4B-B1B8-E931A0672570}"/>
              </a:ext>
            </a:extLst>
          </p:cNvPr>
          <p:cNvSpPr txBox="1"/>
          <p:nvPr/>
        </p:nvSpPr>
        <p:spPr>
          <a:xfrm flipH="1">
            <a:off x="1567604" y="1690688"/>
            <a:ext cx="232947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b="1" dirty="0"/>
              <a:t>Oprindelig tilgang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48E8DC3F-8999-6E4A-812A-9A0E99B2BD32}"/>
              </a:ext>
            </a:extLst>
          </p:cNvPr>
          <p:cNvSpPr txBox="1"/>
          <p:nvPr/>
        </p:nvSpPr>
        <p:spPr>
          <a:xfrm flipH="1">
            <a:off x="6342064" y="1726231"/>
            <a:ext cx="232947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b="1" dirty="0"/>
              <a:t>Ny tilgang</a:t>
            </a:r>
          </a:p>
        </p:txBody>
      </p:sp>
      <p:sp>
        <p:nvSpPr>
          <p:cNvPr id="19" name="Opadbøjet pil 18">
            <a:extLst>
              <a:ext uri="{FF2B5EF4-FFF2-40B4-BE49-F238E27FC236}">
                <a16:creationId xmlns:a16="http://schemas.microsoft.com/office/drawing/2014/main" id="{AAD40A7F-A908-9D45-AD88-BFBDAA41D823}"/>
              </a:ext>
            </a:extLst>
          </p:cNvPr>
          <p:cNvSpPr/>
          <p:nvPr/>
        </p:nvSpPr>
        <p:spPr>
          <a:xfrm rot="16200000">
            <a:off x="3708238" y="2515058"/>
            <a:ext cx="1817702" cy="1847936"/>
          </a:xfrm>
          <a:prstGeom prst="bentUpArrow">
            <a:avLst>
              <a:gd name="adj1" fmla="val 17679"/>
              <a:gd name="adj2" fmla="val 14712"/>
              <a:gd name="adj3" fmla="val 25443"/>
            </a:avLst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0" name="Opadbøjet pil 19">
            <a:extLst>
              <a:ext uri="{FF2B5EF4-FFF2-40B4-BE49-F238E27FC236}">
                <a16:creationId xmlns:a16="http://schemas.microsoft.com/office/drawing/2014/main" id="{BCFA260F-C1C3-DE4A-90C0-BA52E61A09EF}"/>
              </a:ext>
            </a:extLst>
          </p:cNvPr>
          <p:cNvSpPr/>
          <p:nvPr/>
        </p:nvSpPr>
        <p:spPr>
          <a:xfrm rot="16200000">
            <a:off x="9769999" y="3844575"/>
            <a:ext cx="727855" cy="935921"/>
          </a:xfrm>
          <a:prstGeom prst="bentUpArrow">
            <a:avLst>
              <a:gd name="adj1" fmla="val 36609"/>
              <a:gd name="adj2" fmla="val 35363"/>
              <a:gd name="adj3" fmla="val 32327"/>
            </a:avLst>
          </a:prstGeom>
          <a:solidFill>
            <a:schemeClr val="accent3">
              <a:lumMod val="40000"/>
              <a:lumOff val="60000"/>
            </a:schemeClr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5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50000"/>
              <a:hueOff val="0"/>
              <a:satOff val="0"/>
              <a:lumOff val="0"/>
              <a:alphaOff val="0"/>
            </a:schemeClr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</p:sp>
    </p:spTree>
    <p:extLst>
      <p:ext uri="{BB962C8B-B14F-4D97-AF65-F5344CB8AC3E}">
        <p14:creationId xmlns:p14="http://schemas.microsoft.com/office/powerpoint/2010/main" val="80664124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Kombinationstegning 30">
            <a:extLst>
              <a:ext uri="{FF2B5EF4-FFF2-40B4-BE49-F238E27FC236}">
                <a16:creationId xmlns:a16="http://schemas.microsoft.com/office/drawing/2014/main" id="{B697DB0F-0223-BB4F-80BA-FA49304FCE2A}"/>
              </a:ext>
            </a:extLst>
          </p:cNvPr>
          <p:cNvSpPr/>
          <p:nvPr/>
        </p:nvSpPr>
        <p:spPr>
          <a:xfrm>
            <a:off x="1135568" y="1772816"/>
            <a:ext cx="9712960" cy="851781"/>
          </a:xfrm>
          <a:custGeom>
            <a:avLst/>
            <a:gdLst>
              <a:gd name="connsiteX0" fmla="*/ 0 w 9712960"/>
              <a:gd name="connsiteY0" fmla="*/ 85178 h 851781"/>
              <a:gd name="connsiteX1" fmla="*/ 85178 w 9712960"/>
              <a:gd name="connsiteY1" fmla="*/ 0 h 851781"/>
              <a:gd name="connsiteX2" fmla="*/ 9627782 w 9712960"/>
              <a:gd name="connsiteY2" fmla="*/ 0 h 851781"/>
              <a:gd name="connsiteX3" fmla="*/ 9712960 w 9712960"/>
              <a:gd name="connsiteY3" fmla="*/ 85178 h 851781"/>
              <a:gd name="connsiteX4" fmla="*/ 9712960 w 9712960"/>
              <a:gd name="connsiteY4" fmla="*/ 766603 h 851781"/>
              <a:gd name="connsiteX5" fmla="*/ 9627782 w 9712960"/>
              <a:gd name="connsiteY5" fmla="*/ 851781 h 851781"/>
              <a:gd name="connsiteX6" fmla="*/ 85178 w 9712960"/>
              <a:gd name="connsiteY6" fmla="*/ 851781 h 851781"/>
              <a:gd name="connsiteX7" fmla="*/ 0 w 9712960"/>
              <a:gd name="connsiteY7" fmla="*/ 766603 h 851781"/>
              <a:gd name="connsiteX8" fmla="*/ 0 w 9712960"/>
              <a:gd name="connsiteY8" fmla="*/ 85178 h 8517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9712960" h="851781">
                <a:moveTo>
                  <a:pt x="0" y="85178"/>
                </a:moveTo>
                <a:cubicBezTo>
                  <a:pt x="0" y="38135"/>
                  <a:pt x="38135" y="0"/>
                  <a:pt x="85178" y="0"/>
                </a:cubicBezTo>
                <a:lnTo>
                  <a:pt x="9627782" y="0"/>
                </a:lnTo>
                <a:cubicBezTo>
                  <a:pt x="9674825" y="0"/>
                  <a:pt x="9712960" y="38135"/>
                  <a:pt x="9712960" y="85178"/>
                </a:cubicBezTo>
                <a:lnTo>
                  <a:pt x="9712960" y="766603"/>
                </a:lnTo>
                <a:cubicBezTo>
                  <a:pt x="9712960" y="813646"/>
                  <a:pt x="9674825" y="851781"/>
                  <a:pt x="9627782" y="851781"/>
                </a:cubicBezTo>
                <a:lnTo>
                  <a:pt x="85178" y="851781"/>
                </a:lnTo>
                <a:cubicBezTo>
                  <a:pt x="38135" y="851781"/>
                  <a:pt x="0" y="813646"/>
                  <a:pt x="0" y="766603"/>
                </a:cubicBezTo>
                <a:lnTo>
                  <a:pt x="0" y="85178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77800" tIns="177800" rIns="6976872" bIns="177800" numCol="1" spcCol="1270" anchor="ctr" anchorCtr="0">
            <a:noAutofit/>
          </a:bodyPr>
          <a:lstStyle/>
          <a:p>
            <a:pPr marL="0" lvl="0" indent="0" algn="l" defTabSz="1111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2500" kern="1200" dirty="0"/>
              <a:t>Drivere</a:t>
            </a:r>
          </a:p>
        </p:txBody>
      </p:sp>
      <p:sp>
        <p:nvSpPr>
          <p:cNvPr id="30" name="Kombinationstegning 29">
            <a:extLst>
              <a:ext uri="{FF2B5EF4-FFF2-40B4-BE49-F238E27FC236}">
                <a16:creationId xmlns:a16="http://schemas.microsoft.com/office/drawing/2014/main" id="{CB244940-0FA0-A84F-9DAD-9087748A235A}"/>
              </a:ext>
            </a:extLst>
          </p:cNvPr>
          <p:cNvSpPr/>
          <p:nvPr/>
        </p:nvSpPr>
        <p:spPr>
          <a:xfrm>
            <a:off x="1132208" y="2716729"/>
            <a:ext cx="9712960" cy="3974079"/>
          </a:xfrm>
          <a:custGeom>
            <a:avLst/>
            <a:gdLst>
              <a:gd name="connsiteX0" fmla="*/ 0 w 9712960"/>
              <a:gd name="connsiteY0" fmla="*/ 106636 h 1066361"/>
              <a:gd name="connsiteX1" fmla="*/ 106636 w 9712960"/>
              <a:gd name="connsiteY1" fmla="*/ 0 h 1066361"/>
              <a:gd name="connsiteX2" fmla="*/ 9606324 w 9712960"/>
              <a:gd name="connsiteY2" fmla="*/ 0 h 1066361"/>
              <a:gd name="connsiteX3" fmla="*/ 9712960 w 9712960"/>
              <a:gd name="connsiteY3" fmla="*/ 106636 h 1066361"/>
              <a:gd name="connsiteX4" fmla="*/ 9712960 w 9712960"/>
              <a:gd name="connsiteY4" fmla="*/ 959725 h 1066361"/>
              <a:gd name="connsiteX5" fmla="*/ 9606324 w 9712960"/>
              <a:gd name="connsiteY5" fmla="*/ 1066361 h 1066361"/>
              <a:gd name="connsiteX6" fmla="*/ 106636 w 9712960"/>
              <a:gd name="connsiteY6" fmla="*/ 1066361 h 1066361"/>
              <a:gd name="connsiteX7" fmla="*/ 0 w 9712960"/>
              <a:gd name="connsiteY7" fmla="*/ 959725 h 1066361"/>
              <a:gd name="connsiteX8" fmla="*/ 0 w 9712960"/>
              <a:gd name="connsiteY8" fmla="*/ 106636 h 10663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9712960" h="1066361">
                <a:moveTo>
                  <a:pt x="0" y="106636"/>
                </a:moveTo>
                <a:cubicBezTo>
                  <a:pt x="0" y="47743"/>
                  <a:pt x="47743" y="0"/>
                  <a:pt x="106636" y="0"/>
                </a:cubicBezTo>
                <a:lnTo>
                  <a:pt x="9606324" y="0"/>
                </a:lnTo>
                <a:cubicBezTo>
                  <a:pt x="9665217" y="0"/>
                  <a:pt x="9712960" y="47743"/>
                  <a:pt x="9712960" y="106636"/>
                </a:cubicBezTo>
                <a:lnTo>
                  <a:pt x="9712960" y="959725"/>
                </a:lnTo>
                <a:cubicBezTo>
                  <a:pt x="9712960" y="1018618"/>
                  <a:pt x="9665217" y="1066361"/>
                  <a:pt x="9606324" y="1066361"/>
                </a:cubicBezTo>
                <a:lnTo>
                  <a:pt x="106636" y="1066361"/>
                </a:lnTo>
                <a:cubicBezTo>
                  <a:pt x="47743" y="1066361"/>
                  <a:pt x="0" y="1018618"/>
                  <a:pt x="0" y="959725"/>
                </a:cubicBezTo>
                <a:lnTo>
                  <a:pt x="0" y="106636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77800" tIns="177800" rIns="6976872" bIns="177800" numCol="1" spcCol="1270" anchor="t" anchorCtr="0">
            <a:noAutofit/>
          </a:bodyPr>
          <a:lstStyle/>
          <a:p>
            <a:pPr marL="0" lvl="0" indent="0" algn="l" defTabSz="1111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2500" dirty="0"/>
              <a:t>Udmøntning – eksempler </a:t>
            </a:r>
          </a:p>
        </p:txBody>
      </p:sp>
      <p:cxnSp>
        <p:nvCxnSpPr>
          <p:cNvPr id="46" name="Lige forbindelse 45">
            <a:extLst>
              <a:ext uri="{FF2B5EF4-FFF2-40B4-BE49-F238E27FC236}">
                <a16:creationId xmlns:a16="http://schemas.microsoft.com/office/drawing/2014/main" id="{46E5A963-69B4-2C4C-A2A5-C6C98FC64E60}"/>
              </a:ext>
            </a:extLst>
          </p:cNvPr>
          <p:cNvCxnSpPr>
            <a:cxnSpLocks/>
          </p:cNvCxnSpPr>
          <p:nvPr/>
        </p:nvCxnSpPr>
        <p:spPr>
          <a:xfrm>
            <a:off x="9616209" y="2496358"/>
            <a:ext cx="15760" cy="2156778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54FA3A7A-2291-EE40-9402-657565A1BF29}"/>
              </a:ext>
            </a:extLst>
          </p:cNvPr>
          <p:cNvCxnSpPr/>
          <p:nvPr/>
        </p:nvCxnSpPr>
        <p:spPr>
          <a:xfrm flipH="1">
            <a:off x="8024822" y="2284549"/>
            <a:ext cx="43701" cy="2545847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Lige forbindelse 41">
            <a:extLst>
              <a:ext uri="{FF2B5EF4-FFF2-40B4-BE49-F238E27FC236}">
                <a16:creationId xmlns:a16="http://schemas.microsoft.com/office/drawing/2014/main" id="{75586D10-C296-F34C-BF8D-F92AD734A84F}"/>
              </a:ext>
            </a:extLst>
          </p:cNvPr>
          <p:cNvCxnSpPr>
            <a:cxnSpLocks/>
          </p:cNvCxnSpPr>
          <p:nvPr/>
        </p:nvCxnSpPr>
        <p:spPr>
          <a:xfrm>
            <a:off x="6547356" y="2560382"/>
            <a:ext cx="0" cy="3172874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Lige forbindelse 63">
            <a:extLst>
              <a:ext uri="{FF2B5EF4-FFF2-40B4-BE49-F238E27FC236}">
                <a16:creationId xmlns:a16="http://schemas.microsoft.com/office/drawing/2014/main" id="{2B8B7906-5B49-8147-9107-2812AFAB28CE}"/>
              </a:ext>
            </a:extLst>
          </p:cNvPr>
          <p:cNvCxnSpPr>
            <a:cxnSpLocks/>
          </p:cNvCxnSpPr>
          <p:nvPr/>
        </p:nvCxnSpPr>
        <p:spPr>
          <a:xfrm>
            <a:off x="5182867" y="1708933"/>
            <a:ext cx="4449102" cy="5832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forbindelse 46">
            <a:extLst>
              <a:ext uri="{FF2B5EF4-FFF2-40B4-BE49-F238E27FC236}">
                <a16:creationId xmlns:a16="http://schemas.microsoft.com/office/drawing/2014/main" id="{BE5043D1-38C2-4F4A-B8D8-4F6DB4BE9A34}"/>
              </a:ext>
            </a:extLst>
          </p:cNvPr>
          <p:cNvCxnSpPr>
            <a:cxnSpLocks/>
          </p:cNvCxnSpPr>
          <p:nvPr/>
        </p:nvCxnSpPr>
        <p:spPr>
          <a:xfrm flipH="1">
            <a:off x="7290340" y="1490221"/>
            <a:ext cx="2841" cy="975932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A2F58B97-E914-074B-B7CE-38F3C3F178A4}"/>
              </a:ext>
            </a:extLst>
          </p:cNvPr>
          <p:cNvCxnSpPr>
            <a:cxnSpLocks/>
          </p:cNvCxnSpPr>
          <p:nvPr/>
        </p:nvCxnSpPr>
        <p:spPr>
          <a:xfrm>
            <a:off x="5175291" y="2578574"/>
            <a:ext cx="7576" cy="2074562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Kombinationstegning 31">
            <a:extLst>
              <a:ext uri="{FF2B5EF4-FFF2-40B4-BE49-F238E27FC236}">
                <a16:creationId xmlns:a16="http://schemas.microsoft.com/office/drawing/2014/main" id="{0A370A0C-5F5C-864C-B9CE-AFC535FCA919}"/>
              </a:ext>
            </a:extLst>
          </p:cNvPr>
          <p:cNvSpPr/>
          <p:nvPr/>
        </p:nvSpPr>
        <p:spPr>
          <a:xfrm>
            <a:off x="1143131" y="810721"/>
            <a:ext cx="9712960" cy="851781"/>
          </a:xfrm>
          <a:custGeom>
            <a:avLst/>
            <a:gdLst>
              <a:gd name="connsiteX0" fmla="*/ 0 w 9712960"/>
              <a:gd name="connsiteY0" fmla="*/ 85178 h 851781"/>
              <a:gd name="connsiteX1" fmla="*/ 85178 w 9712960"/>
              <a:gd name="connsiteY1" fmla="*/ 0 h 851781"/>
              <a:gd name="connsiteX2" fmla="*/ 9627782 w 9712960"/>
              <a:gd name="connsiteY2" fmla="*/ 0 h 851781"/>
              <a:gd name="connsiteX3" fmla="*/ 9712960 w 9712960"/>
              <a:gd name="connsiteY3" fmla="*/ 85178 h 851781"/>
              <a:gd name="connsiteX4" fmla="*/ 9712960 w 9712960"/>
              <a:gd name="connsiteY4" fmla="*/ 766603 h 851781"/>
              <a:gd name="connsiteX5" fmla="*/ 9627782 w 9712960"/>
              <a:gd name="connsiteY5" fmla="*/ 851781 h 851781"/>
              <a:gd name="connsiteX6" fmla="*/ 85178 w 9712960"/>
              <a:gd name="connsiteY6" fmla="*/ 851781 h 851781"/>
              <a:gd name="connsiteX7" fmla="*/ 0 w 9712960"/>
              <a:gd name="connsiteY7" fmla="*/ 766603 h 851781"/>
              <a:gd name="connsiteX8" fmla="*/ 0 w 9712960"/>
              <a:gd name="connsiteY8" fmla="*/ 85178 h 85178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9712960" h="851781">
                <a:moveTo>
                  <a:pt x="0" y="85178"/>
                </a:moveTo>
                <a:cubicBezTo>
                  <a:pt x="0" y="38135"/>
                  <a:pt x="38135" y="0"/>
                  <a:pt x="85178" y="0"/>
                </a:cubicBezTo>
                <a:lnTo>
                  <a:pt x="9627782" y="0"/>
                </a:lnTo>
                <a:cubicBezTo>
                  <a:pt x="9674825" y="0"/>
                  <a:pt x="9712960" y="38135"/>
                  <a:pt x="9712960" y="85178"/>
                </a:cubicBezTo>
                <a:lnTo>
                  <a:pt x="9712960" y="766603"/>
                </a:lnTo>
                <a:cubicBezTo>
                  <a:pt x="9712960" y="813646"/>
                  <a:pt x="9674825" y="851781"/>
                  <a:pt x="9627782" y="851781"/>
                </a:cubicBezTo>
                <a:lnTo>
                  <a:pt x="85178" y="851781"/>
                </a:lnTo>
                <a:cubicBezTo>
                  <a:pt x="38135" y="851781"/>
                  <a:pt x="0" y="813646"/>
                  <a:pt x="0" y="766603"/>
                </a:cubicBezTo>
                <a:lnTo>
                  <a:pt x="0" y="85178"/>
                </a:ln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77800" tIns="177800" rIns="6976872" bIns="177800" numCol="1" spcCol="1270" anchor="ctr" anchorCtr="0">
            <a:noAutofit/>
          </a:bodyPr>
          <a:lstStyle/>
          <a:p>
            <a:pPr marL="0" lvl="0" indent="0" defTabSz="1111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2500" dirty="0"/>
              <a:t>Formål     </a:t>
            </a:r>
            <a:endParaRPr lang="da-DK" sz="2500" kern="1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36B832E-B723-7248-8381-91D3D20C8664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8DDEF79-F483-4C4D-943A-0A539F2CD19C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8BC9CC1-37F2-AF43-B35C-5E67BB103402}"/>
              </a:ext>
            </a:extLst>
          </p:cNvPr>
          <p:cNvSpPr>
            <a:spLocks noGrp="1"/>
          </p:cNvSpPr>
          <p:nvPr>
            <p:ph type="sldNum" idx="12"/>
          </p:nvPr>
        </p:nvSpPr>
        <p:spPr>
          <a:xfrm>
            <a:off x="11343480" y="6224125"/>
            <a:ext cx="394920" cy="180000"/>
          </a:xfrm>
        </p:spPr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13</a:t>
            </a:fld>
            <a:endParaRPr lang="da-DK"/>
          </a:p>
        </p:txBody>
      </p:sp>
      <p:sp>
        <p:nvSpPr>
          <p:cNvPr id="37" name="Kombinationstegning 36">
            <a:extLst>
              <a:ext uri="{FF2B5EF4-FFF2-40B4-BE49-F238E27FC236}">
                <a16:creationId xmlns:a16="http://schemas.microsoft.com/office/drawing/2014/main" id="{79DB7561-518D-D34F-A9CF-B9D51077F842}"/>
              </a:ext>
            </a:extLst>
          </p:cNvPr>
          <p:cNvSpPr/>
          <p:nvPr/>
        </p:nvSpPr>
        <p:spPr>
          <a:xfrm>
            <a:off x="6044940" y="5089819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Kvalitets-indhold</a:t>
            </a:r>
            <a:endParaRPr lang="da-DK" sz="1100" kern="1200" dirty="0"/>
          </a:p>
        </p:txBody>
      </p:sp>
      <p:sp>
        <p:nvSpPr>
          <p:cNvPr id="45" name="Kombinationstegning 44">
            <a:extLst>
              <a:ext uri="{FF2B5EF4-FFF2-40B4-BE49-F238E27FC236}">
                <a16:creationId xmlns:a16="http://schemas.microsoft.com/office/drawing/2014/main" id="{DF0747B5-1AAF-CA49-9FAE-2C8D63EE4B38}"/>
              </a:ext>
            </a:extLst>
          </p:cNvPr>
          <p:cNvSpPr/>
          <p:nvPr/>
        </p:nvSpPr>
        <p:spPr>
          <a:xfrm>
            <a:off x="6049052" y="1844824"/>
            <a:ext cx="2567228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Uddannelsens tilrettelæggelse og gennemførelse</a:t>
            </a:r>
          </a:p>
        </p:txBody>
      </p:sp>
      <p:sp>
        <p:nvSpPr>
          <p:cNvPr id="49" name="Kombinationstegning 48">
            <a:extLst>
              <a:ext uri="{FF2B5EF4-FFF2-40B4-BE49-F238E27FC236}">
                <a16:creationId xmlns:a16="http://schemas.microsoft.com/office/drawing/2014/main" id="{B24398F7-C101-C94A-BCAE-0BB839B1EB7F}"/>
              </a:ext>
            </a:extLst>
          </p:cNvPr>
          <p:cNvSpPr/>
          <p:nvPr/>
        </p:nvSpPr>
        <p:spPr>
          <a:xfrm>
            <a:off x="4615002" y="2792771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Markedsføring, vejledning: Fleksibelt f</a:t>
            </a:r>
            <a:r>
              <a:rPr lang="da-DK" sz="1100" kern="1200" dirty="0"/>
              <a:t>uldtidsstudie!</a:t>
            </a:r>
          </a:p>
        </p:txBody>
      </p:sp>
      <p:sp>
        <p:nvSpPr>
          <p:cNvPr id="57" name="Kombinationstegning 56">
            <a:extLst>
              <a:ext uri="{FF2B5EF4-FFF2-40B4-BE49-F238E27FC236}">
                <a16:creationId xmlns:a16="http://schemas.microsoft.com/office/drawing/2014/main" id="{75CCE49F-85FE-304E-8F60-BF20F9E7BB38}"/>
              </a:ext>
            </a:extLst>
          </p:cNvPr>
          <p:cNvSpPr/>
          <p:nvPr/>
        </p:nvSpPr>
        <p:spPr>
          <a:xfrm>
            <a:off x="4626481" y="4316236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Klarhed om praktik i regionen</a:t>
            </a:r>
            <a:endParaRPr lang="da-DK" sz="1100" kern="1200" dirty="0"/>
          </a:p>
        </p:txBody>
      </p:sp>
      <p:sp>
        <p:nvSpPr>
          <p:cNvPr id="59" name="Kombinationstegning 58">
            <a:extLst>
              <a:ext uri="{FF2B5EF4-FFF2-40B4-BE49-F238E27FC236}">
                <a16:creationId xmlns:a16="http://schemas.microsoft.com/office/drawing/2014/main" id="{425F4E70-EC6E-A24B-B998-84F2479AA1D8}"/>
              </a:ext>
            </a:extLst>
          </p:cNvPr>
          <p:cNvSpPr/>
          <p:nvPr/>
        </p:nvSpPr>
        <p:spPr>
          <a:xfrm>
            <a:off x="7536160" y="2780254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Kollaboration: Gruppearbejde m.v.</a:t>
            </a:r>
            <a:endParaRPr lang="da-DK" sz="1100" kern="1200" dirty="0"/>
          </a:p>
        </p:txBody>
      </p:sp>
      <p:sp>
        <p:nvSpPr>
          <p:cNvPr id="68" name="Kombinationstegning 67">
            <a:extLst>
              <a:ext uri="{FF2B5EF4-FFF2-40B4-BE49-F238E27FC236}">
                <a16:creationId xmlns:a16="http://schemas.microsoft.com/office/drawing/2014/main" id="{9588BBB5-0AD7-9048-B2D4-B95E7BFC6C64}"/>
              </a:ext>
            </a:extLst>
          </p:cNvPr>
          <p:cNvSpPr/>
          <p:nvPr/>
        </p:nvSpPr>
        <p:spPr>
          <a:xfrm>
            <a:off x="4615002" y="3557473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Optagelses-samtaler, studiestarts- og stopprøver</a:t>
            </a:r>
            <a:endParaRPr lang="da-DK" sz="1100" kern="1200" dirty="0"/>
          </a:p>
        </p:txBody>
      </p:sp>
      <p:sp>
        <p:nvSpPr>
          <p:cNvPr id="56" name="Kombinationstegning 55">
            <a:extLst>
              <a:ext uri="{FF2B5EF4-FFF2-40B4-BE49-F238E27FC236}">
                <a16:creationId xmlns:a16="http://schemas.microsoft.com/office/drawing/2014/main" id="{3EA58198-C950-D04E-81B5-5C2FD2D59B9A}"/>
              </a:ext>
            </a:extLst>
          </p:cNvPr>
          <p:cNvSpPr/>
          <p:nvPr/>
        </p:nvSpPr>
        <p:spPr>
          <a:xfrm>
            <a:off x="9099606" y="4332122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Opkvalificering</a:t>
            </a:r>
            <a:r>
              <a:rPr lang="da-DK" sz="1100" dirty="0"/>
              <a:t>:</a:t>
            </a:r>
            <a:r>
              <a:rPr lang="da-DK" sz="1100" kern="1200" dirty="0"/>
              <a:t> e</a:t>
            </a:r>
            <a:r>
              <a:rPr lang="da-DK" sz="1100" dirty="0"/>
              <a:t>-</a:t>
            </a:r>
            <a:r>
              <a:rPr lang="da-DK" sz="1100" kern="1200" dirty="0"/>
              <a:t>undervisere</a:t>
            </a:r>
          </a:p>
        </p:txBody>
      </p:sp>
      <p:sp>
        <p:nvSpPr>
          <p:cNvPr id="63" name="Kombinationstegning 62">
            <a:extLst>
              <a:ext uri="{FF2B5EF4-FFF2-40B4-BE49-F238E27FC236}">
                <a16:creationId xmlns:a16="http://schemas.microsoft.com/office/drawing/2014/main" id="{3A62BBCD-5982-284D-86C1-7D43714ABE94}"/>
              </a:ext>
            </a:extLst>
          </p:cNvPr>
          <p:cNvSpPr/>
          <p:nvPr/>
        </p:nvSpPr>
        <p:spPr>
          <a:xfrm>
            <a:off x="6042169" y="2780253"/>
            <a:ext cx="1070267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 </a:t>
            </a:r>
            <a:r>
              <a:rPr lang="da-DK" sz="1100" dirty="0"/>
              <a:t>Principper </a:t>
            </a:r>
            <a:r>
              <a:rPr lang="da-DK" sz="1100" kern="1200" dirty="0"/>
              <a:t>for praktik, </a:t>
            </a:r>
            <a:r>
              <a:rPr lang="da-DK" sz="1100" kern="1200" dirty="0" err="1"/>
              <a:t>virtuel-le</a:t>
            </a:r>
            <a:r>
              <a:rPr lang="da-DK" sz="1100" kern="1200" dirty="0"/>
              <a:t> dele</a:t>
            </a:r>
            <a:r>
              <a:rPr lang="da-DK" sz="1100" dirty="0"/>
              <a:t>, indkald &amp; bachelor-p. </a:t>
            </a:r>
            <a:endParaRPr lang="da-DK" sz="1100" kern="1200" dirty="0"/>
          </a:p>
        </p:txBody>
      </p:sp>
      <p:sp>
        <p:nvSpPr>
          <p:cNvPr id="73" name="Kombinationstegning 72">
            <a:extLst>
              <a:ext uri="{FF2B5EF4-FFF2-40B4-BE49-F238E27FC236}">
                <a16:creationId xmlns:a16="http://schemas.microsoft.com/office/drawing/2014/main" id="{55160254-A5BA-7D40-B328-6A9D7E1C393F}"/>
              </a:ext>
            </a:extLst>
          </p:cNvPr>
          <p:cNvSpPr/>
          <p:nvPr/>
        </p:nvSpPr>
        <p:spPr>
          <a:xfrm>
            <a:off x="9082374" y="3557473"/>
            <a:ext cx="1058389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Teamstruktur og opfølgning</a:t>
            </a:r>
          </a:p>
        </p:txBody>
      </p:sp>
      <p:sp>
        <p:nvSpPr>
          <p:cNvPr id="75" name="Kombinationstegning 74">
            <a:extLst>
              <a:ext uri="{FF2B5EF4-FFF2-40B4-BE49-F238E27FC236}">
                <a16:creationId xmlns:a16="http://schemas.microsoft.com/office/drawing/2014/main" id="{F0392F8D-A4F6-5F4F-A5F2-C0466615CC41}"/>
              </a:ext>
            </a:extLst>
          </p:cNvPr>
          <p:cNvSpPr/>
          <p:nvPr/>
        </p:nvSpPr>
        <p:spPr>
          <a:xfrm>
            <a:off x="6031906" y="3547433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LMS – overskueligt, ensartet og velfungerende</a:t>
            </a:r>
          </a:p>
        </p:txBody>
      </p:sp>
      <p:sp>
        <p:nvSpPr>
          <p:cNvPr id="60" name="Kombinationstegning 59">
            <a:extLst>
              <a:ext uri="{FF2B5EF4-FFF2-40B4-BE49-F238E27FC236}">
                <a16:creationId xmlns:a16="http://schemas.microsoft.com/office/drawing/2014/main" id="{4E300E9F-D56B-8B41-98FD-A29781F63BAB}"/>
              </a:ext>
            </a:extLst>
          </p:cNvPr>
          <p:cNvSpPr/>
          <p:nvPr/>
        </p:nvSpPr>
        <p:spPr>
          <a:xfrm>
            <a:off x="6035470" y="4323630"/>
            <a:ext cx="1091890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lvl="0" algn="ctr" defTabSz="533400">
              <a:lnSpc>
                <a:spcPct val="90000"/>
              </a:lnSpc>
              <a:spcBef>
                <a:spcPct val="0"/>
              </a:spcBef>
              <a:spcAft>
                <a:spcPts val="1050"/>
              </a:spcAft>
              <a:buNone/>
            </a:pPr>
            <a:r>
              <a:rPr lang="da-DK" sz="1050" dirty="0">
                <a:solidFill>
                  <a:schemeClr val="bg1"/>
                </a:solidFill>
              </a:rPr>
              <a:t>P</a:t>
            </a:r>
            <a:r>
              <a:rPr lang="da-DK" sz="1050" kern="1200" dirty="0">
                <a:solidFill>
                  <a:schemeClr val="bg1"/>
                </a:solidFill>
              </a:rPr>
              <a:t>rogression og sammenhæng i uddannelse og  moduler/ semestr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9F1E4E6-4A31-F24F-9228-D08ADBD50C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3131" y="-10454"/>
            <a:ext cx="8560800" cy="934890"/>
          </a:xfrm>
        </p:spPr>
        <p:txBody>
          <a:bodyPr/>
          <a:lstStyle/>
          <a:p>
            <a:r>
              <a:rPr lang="da-DK" sz="2800" dirty="0"/>
              <a:t>E-læring – driverdiagram under udvikling i 2018</a:t>
            </a:r>
          </a:p>
        </p:txBody>
      </p:sp>
      <p:sp>
        <p:nvSpPr>
          <p:cNvPr id="40" name="Kombinationstegning 39">
            <a:extLst>
              <a:ext uri="{FF2B5EF4-FFF2-40B4-BE49-F238E27FC236}">
                <a16:creationId xmlns:a16="http://schemas.microsoft.com/office/drawing/2014/main" id="{68CD94B2-E6A1-4742-A97A-FA95A0986FC5}"/>
              </a:ext>
            </a:extLst>
          </p:cNvPr>
          <p:cNvSpPr/>
          <p:nvPr/>
        </p:nvSpPr>
        <p:spPr>
          <a:xfrm>
            <a:off x="7538863" y="3547434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Faglige og sociale aktiviteter ved indkald</a:t>
            </a:r>
            <a:endParaRPr lang="da-DK" sz="1100" kern="1200" dirty="0"/>
          </a:p>
        </p:txBody>
      </p:sp>
      <p:sp>
        <p:nvSpPr>
          <p:cNvPr id="7" name="Afrundet rektangel 6">
            <a:extLst>
              <a:ext uri="{FF2B5EF4-FFF2-40B4-BE49-F238E27FC236}">
                <a16:creationId xmlns:a16="http://schemas.microsoft.com/office/drawing/2014/main" id="{B38842B7-5213-B04B-8192-7C131D54B44F}"/>
              </a:ext>
            </a:extLst>
          </p:cNvPr>
          <p:cNvSpPr/>
          <p:nvPr/>
        </p:nvSpPr>
        <p:spPr>
          <a:xfrm>
            <a:off x="5951984" y="797505"/>
            <a:ext cx="2711244" cy="850101"/>
          </a:xfrm>
          <a:prstGeom prst="roundRect">
            <a:avLst>
              <a:gd name="adj" fmla="val 9197"/>
            </a:avLst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3" name="Kombinationstegning 42">
            <a:extLst>
              <a:ext uri="{FF2B5EF4-FFF2-40B4-BE49-F238E27FC236}">
                <a16:creationId xmlns:a16="http://schemas.microsoft.com/office/drawing/2014/main" id="{455CDAF5-94B5-2341-8390-FEC8480BFBC5}"/>
              </a:ext>
            </a:extLst>
          </p:cNvPr>
          <p:cNvSpPr/>
          <p:nvPr/>
        </p:nvSpPr>
        <p:spPr>
          <a:xfrm>
            <a:off x="7536160" y="4310379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Tilgange som fremmer deltagelse</a:t>
            </a:r>
            <a:endParaRPr lang="da-DK" sz="1100" kern="1200" dirty="0"/>
          </a:p>
        </p:txBody>
      </p:sp>
      <p:sp>
        <p:nvSpPr>
          <p:cNvPr id="52" name="Kombinationstegning 51">
            <a:extLst>
              <a:ext uri="{FF2B5EF4-FFF2-40B4-BE49-F238E27FC236}">
                <a16:creationId xmlns:a16="http://schemas.microsoft.com/office/drawing/2014/main" id="{5BFC3F33-3623-134B-81AA-377D9BF4C3B8}"/>
              </a:ext>
            </a:extLst>
          </p:cNvPr>
          <p:cNvSpPr/>
          <p:nvPr/>
        </p:nvSpPr>
        <p:spPr>
          <a:xfrm>
            <a:off x="6085260" y="890321"/>
            <a:ext cx="1076205" cy="705621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Øget studie-engagement</a:t>
            </a:r>
            <a:endParaRPr lang="da-DK" sz="1100" kern="1200" dirty="0"/>
          </a:p>
        </p:txBody>
      </p:sp>
      <p:sp>
        <p:nvSpPr>
          <p:cNvPr id="3" name="Højrepil 2">
            <a:extLst>
              <a:ext uri="{FF2B5EF4-FFF2-40B4-BE49-F238E27FC236}">
                <a16:creationId xmlns:a16="http://schemas.microsoft.com/office/drawing/2014/main" id="{1DEC3F95-05AB-7544-B7B2-C6BE07F0D731}"/>
              </a:ext>
            </a:extLst>
          </p:cNvPr>
          <p:cNvSpPr/>
          <p:nvPr/>
        </p:nvSpPr>
        <p:spPr>
          <a:xfrm>
            <a:off x="7165380" y="1163894"/>
            <a:ext cx="154756" cy="157867"/>
          </a:xfrm>
          <a:prstGeom prst="rightArrow">
            <a:avLst/>
          </a:pr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3" name="Kombinationstegning 32">
            <a:extLst>
              <a:ext uri="{FF2B5EF4-FFF2-40B4-BE49-F238E27FC236}">
                <a16:creationId xmlns:a16="http://schemas.microsoft.com/office/drawing/2014/main" id="{113BF844-6FDB-9541-8E4C-FEA6DA6A0753}"/>
              </a:ext>
            </a:extLst>
          </p:cNvPr>
          <p:cNvSpPr/>
          <p:nvPr/>
        </p:nvSpPr>
        <p:spPr>
          <a:xfrm>
            <a:off x="7392144" y="875862"/>
            <a:ext cx="1069380" cy="705621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6"/>
          </a:solidFill>
          <a:ln>
            <a:solidFill>
              <a:schemeClr val="accent6"/>
            </a:solidFill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Øget gennemførelse og lærings-udbytte</a:t>
            </a:r>
            <a:endParaRPr lang="da-DK" sz="1100" kern="1200" dirty="0"/>
          </a:p>
        </p:txBody>
      </p:sp>
      <p:sp>
        <p:nvSpPr>
          <p:cNvPr id="38" name="Kombinationstegning 37">
            <a:extLst>
              <a:ext uri="{FF2B5EF4-FFF2-40B4-BE49-F238E27FC236}">
                <a16:creationId xmlns:a16="http://schemas.microsoft.com/office/drawing/2014/main" id="{E06A0202-05A4-D144-894E-84AAC33DFFC0}"/>
              </a:ext>
            </a:extLst>
          </p:cNvPr>
          <p:cNvSpPr/>
          <p:nvPr/>
        </p:nvSpPr>
        <p:spPr>
          <a:xfrm>
            <a:off x="9086845" y="2792770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  <a:solidFill>
            <a:schemeClr val="accent3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Lærings-designer på hver uddannelse?</a:t>
            </a:r>
          </a:p>
        </p:txBody>
      </p:sp>
      <p:cxnSp>
        <p:nvCxnSpPr>
          <p:cNvPr id="54" name="Lige forbindelse 53">
            <a:extLst>
              <a:ext uri="{FF2B5EF4-FFF2-40B4-BE49-F238E27FC236}">
                <a16:creationId xmlns:a16="http://schemas.microsoft.com/office/drawing/2014/main" id="{6F45417D-31EE-7442-B428-36104A532A30}"/>
              </a:ext>
            </a:extLst>
          </p:cNvPr>
          <p:cNvCxnSpPr>
            <a:cxnSpLocks/>
          </p:cNvCxnSpPr>
          <p:nvPr/>
        </p:nvCxnSpPr>
        <p:spPr>
          <a:xfrm flipH="1">
            <a:off x="9609238" y="1708933"/>
            <a:ext cx="15393" cy="801011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Lige forbindelse 60">
            <a:extLst>
              <a:ext uri="{FF2B5EF4-FFF2-40B4-BE49-F238E27FC236}">
                <a16:creationId xmlns:a16="http://schemas.microsoft.com/office/drawing/2014/main" id="{611BBF30-BF7F-8748-87EB-3F8853550281}"/>
              </a:ext>
            </a:extLst>
          </p:cNvPr>
          <p:cNvCxnSpPr>
            <a:cxnSpLocks/>
          </p:cNvCxnSpPr>
          <p:nvPr/>
        </p:nvCxnSpPr>
        <p:spPr>
          <a:xfrm flipH="1">
            <a:off x="5175291" y="1702824"/>
            <a:ext cx="7576" cy="800356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Kombinationstegning 34">
            <a:extLst>
              <a:ext uri="{FF2B5EF4-FFF2-40B4-BE49-F238E27FC236}">
                <a16:creationId xmlns:a16="http://schemas.microsoft.com/office/drawing/2014/main" id="{23BE1828-71DA-F447-9009-3B01FAC2E9D1}"/>
              </a:ext>
            </a:extLst>
          </p:cNvPr>
          <p:cNvSpPr/>
          <p:nvPr/>
        </p:nvSpPr>
        <p:spPr>
          <a:xfrm>
            <a:off x="4599226" y="1864948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kern="1200" dirty="0"/>
              <a:t>Krav og konsekvens</a:t>
            </a:r>
          </a:p>
        </p:txBody>
      </p:sp>
      <p:sp>
        <p:nvSpPr>
          <p:cNvPr id="39" name="Kombinationstegning 38">
            <a:extLst>
              <a:ext uri="{FF2B5EF4-FFF2-40B4-BE49-F238E27FC236}">
                <a16:creationId xmlns:a16="http://schemas.microsoft.com/office/drawing/2014/main" id="{45192795-E6F8-C040-9252-A9D7CE9CE966}"/>
              </a:ext>
            </a:extLst>
          </p:cNvPr>
          <p:cNvSpPr/>
          <p:nvPr/>
        </p:nvSpPr>
        <p:spPr>
          <a:xfrm>
            <a:off x="9048328" y="1855087"/>
            <a:ext cx="1064726" cy="709817"/>
          </a:xfrm>
          <a:custGeom>
            <a:avLst/>
            <a:gdLst>
              <a:gd name="connsiteX0" fmla="*/ 0 w 1064726"/>
              <a:gd name="connsiteY0" fmla="*/ 70982 h 709817"/>
              <a:gd name="connsiteX1" fmla="*/ 70982 w 1064726"/>
              <a:gd name="connsiteY1" fmla="*/ 0 h 709817"/>
              <a:gd name="connsiteX2" fmla="*/ 993744 w 1064726"/>
              <a:gd name="connsiteY2" fmla="*/ 0 h 709817"/>
              <a:gd name="connsiteX3" fmla="*/ 1064726 w 1064726"/>
              <a:gd name="connsiteY3" fmla="*/ 70982 h 709817"/>
              <a:gd name="connsiteX4" fmla="*/ 1064726 w 1064726"/>
              <a:gd name="connsiteY4" fmla="*/ 638835 h 709817"/>
              <a:gd name="connsiteX5" fmla="*/ 993744 w 1064726"/>
              <a:gd name="connsiteY5" fmla="*/ 709817 h 709817"/>
              <a:gd name="connsiteX6" fmla="*/ 70982 w 1064726"/>
              <a:gd name="connsiteY6" fmla="*/ 709817 h 709817"/>
              <a:gd name="connsiteX7" fmla="*/ 0 w 1064726"/>
              <a:gd name="connsiteY7" fmla="*/ 638835 h 709817"/>
              <a:gd name="connsiteX8" fmla="*/ 0 w 1064726"/>
              <a:gd name="connsiteY8" fmla="*/ 70982 h 709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64726" h="709817">
                <a:moveTo>
                  <a:pt x="0" y="70982"/>
                </a:moveTo>
                <a:cubicBezTo>
                  <a:pt x="0" y="31780"/>
                  <a:pt x="31780" y="0"/>
                  <a:pt x="70982" y="0"/>
                </a:cubicBezTo>
                <a:lnTo>
                  <a:pt x="993744" y="0"/>
                </a:lnTo>
                <a:cubicBezTo>
                  <a:pt x="1032946" y="0"/>
                  <a:pt x="1064726" y="31780"/>
                  <a:pt x="1064726" y="70982"/>
                </a:cubicBezTo>
                <a:lnTo>
                  <a:pt x="1064726" y="638835"/>
                </a:lnTo>
                <a:cubicBezTo>
                  <a:pt x="1064726" y="678037"/>
                  <a:pt x="1032946" y="709817"/>
                  <a:pt x="993744" y="709817"/>
                </a:cubicBezTo>
                <a:lnTo>
                  <a:pt x="70982" y="709817"/>
                </a:lnTo>
                <a:cubicBezTo>
                  <a:pt x="31780" y="709817"/>
                  <a:pt x="0" y="678037"/>
                  <a:pt x="0" y="638835"/>
                </a:cubicBezTo>
                <a:lnTo>
                  <a:pt x="0" y="70982"/>
                </a:ln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66510" tIns="66510" rIns="66510" bIns="66510" numCol="1" spcCol="1270" anchor="ctr" anchorCtr="0">
            <a:noAutofit/>
          </a:bodyPr>
          <a:lstStyle/>
          <a:p>
            <a:pPr marL="0" lvl="0" indent="0" algn="ctr" defTabSz="5334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da-DK" sz="1100" dirty="0"/>
              <a:t>O</a:t>
            </a:r>
            <a:r>
              <a:rPr lang="da-DK" sz="1100" kern="1200" dirty="0"/>
              <a:t>rganisering &amp; rammer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55D14C3D-3D99-FF43-A92C-BBAA792D0A6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32423" y="4830396"/>
            <a:ext cx="1562875" cy="15737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26465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800643" y="580791"/>
            <a:ext cx="8608094" cy="461565"/>
          </a:xfrm>
          <a:prstGeom prst="rect">
            <a:avLst/>
          </a:prstGeom>
          <a:noFill/>
        </p:spPr>
        <p:txBody>
          <a:bodyPr wrap="square" lIns="65306" tIns="32653" rIns="65306" bIns="32653">
            <a:spAutoFit/>
          </a:bodyPr>
          <a:lstStyle/>
          <a:p>
            <a:pPr algn="ctr"/>
            <a:r>
              <a:rPr lang="en-GB" sz="2571" b="1" dirty="0">
                <a:solidFill>
                  <a:schemeClr val="accent1">
                    <a:lumMod val="50000"/>
                  </a:schemeClr>
                </a:solidFill>
              </a:rPr>
              <a:t>Learning types</a:t>
            </a:r>
            <a:endParaRPr lang="en-GB" sz="257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1710554" y="113436"/>
            <a:ext cx="8828690" cy="461565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txBody>
          <a:bodyPr wrap="square" lIns="65306" tIns="32653" rIns="65306" bIns="32653">
            <a:spAutoFit/>
          </a:bodyPr>
          <a:lstStyle/>
          <a:p>
            <a:pPr algn="ctr"/>
            <a:r>
              <a:rPr lang="en-GB" sz="2571" b="1" dirty="0">
                <a:solidFill>
                  <a:schemeClr val="bg1"/>
                </a:solidFill>
              </a:rPr>
              <a:t>ABC curriculum design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0255" y="3861847"/>
            <a:ext cx="2828571" cy="2114074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0555" y="1199441"/>
            <a:ext cx="2828571" cy="211724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90405" y="1197348"/>
            <a:ext cx="2828571" cy="212142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0255" y="1197349"/>
            <a:ext cx="2828571" cy="212989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0555" y="3864497"/>
            <a:ext cx="2828571" cy="211931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0614" y="3859225"/>
            <a:ext cx="2828571" cy="21245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49093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Hurtige facts om Absal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6000" y="1899846"/>
            <a:ext cx="7776000" cy="4112944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Etableret i 2008</a:t>
            </a:r>
          </a:p>
          <a:p>
            <a:r>
              <a:rPr lang="da-DK" dirty="0">
                <a:solidFill>
                  <a:schemeClr val="tx1"/>
                </a:solidFill>
              </a:rPr>
              <a:t>Selvejende institution finansieret via finansloven</a:t>
            </a:r>
          </a:p>
          <a:p>
            <a:r>
              <a:rPr lang="da-DK" dirty="0">
                <a:solidFill>
                  <a:schemeClr val="tx1"/>
                </a:solidFill>
              </a:rPr>
              <a:t>Bestyrelse på 13 medlemmer</a:t>
            </a:r>
          </a:p>
          <a:p>
            <a:r>
              <a:rPr lang="da-DK" dirty="0">
                <a:solidFill>
                  <a:schemeClr val="tx1"/>
                </a:solidFill>
              </a:rPr>
              <a:t>11 professionsbacheloruddannelser</a:t>
            </a:r>
          </a:p>
          <a:p>
            <a:r>
              <a:rPr lang="da-DK" dirty="0">
                <a:solidFill>
                  <a:schemeClr val="tx1"/>
                </a:solidFill>
              </a:rPr>
              <a:t>8 udbudssteder </a:t>
            </a:r>
          </a:p>
          <a:p>
            <a:r>
              <a:rPr lang="da-DK" dirty="0">
                <a:solidFill>
                  <a:schemeClr val="tx1"/>
                </a:solidFill>
              </a:rPr>
              <a:t>Ca. 8.500 studerende på professionsbacheloruddannelserne og over 3.500 på efter- og videreuddannelse</a:t>
            </a:r>
          </a:p>
          <a:p>
            <a:r>
              <a:rPr lang="da-DK" dirty="0">
                <a:solidFill>
                  <a:schemeClr val="tx1"/>
                </a:solidFill>
              </a:rPr>
              <a:t>Ca. 750 medarbejdere, årlig omsætning på ca. 560 mio. kr.</a:t>
            </a:r>
          </a:p>
          <a:p>
            <a:r>
              <a:rPr lang="da-DK" dirty="0">
                <a:solidFill>
                  <a:schemeClr val="tx1"/>
                </a:solidFill>
              </a:rPr>
              <a:t>Institutionsakkrediteret i 2015 som den første professionshøjsko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quarter" idx="17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92400" y="2232790"/>
            <a:ext cx="2646000" cy="3780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489805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8.459 studerende hos Absalon i 2018</a:t>
            </a:r>
          </a:p>
        </p:txBody>
      </p:sp>
      <p:sp>
        <p:nvSpPr>
          <p:cNvPr id="6" name="Pladsholder til dato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9. december 2018</a:t>
            </a:fld>
            <a:endParaRPr lang="da-DK" dirty="0"/>
          </a:p>
        </p:txBody>
      </p:sp>
      <p:sp>
        <p:nvSpPr>
          <p:cNvPr id="7" name="Pladsholder til sidefod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graphicFrame>
        <p:nvGraphicFramePr>
          <p:cNvPr id="10" name="Pladsholder til indhold 9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3199246518"/>
              </p:ext>
            </p:extLst>
          </p:nvPr>
        </p:nvGraphicFramePr>
        <p:xfrm>
          <a:off x="684634" y="1471140"/>
          <a:ext cx="11676062" cy="50577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7434303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83CD0FD-1E1E-4F4B-B123-A08365DBC1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6000" y="756000"/>
            <a:ext cx="9588472" cy="1088824"/>
          </a:xfrm>
        </p:spPr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Faser i udviklingen af e-læringsudbud i Absalo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12579EA4-386B-D541-A27E-898733882E1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434000" y="1844824"/>
            <a:ext cx="9324000" cy="4112944"/>
          </a:xfrm>
        </p:spPr>
        <p:txBody>
          <a:bodyPr/>
          <a:lstStyle/>
          <a:p>
            <a:pPr>
              <a:spcAft>
                <a:spcPts val="1200"/>
              </a:spcAft>
            </a:pPr>
            <a:r>
              <a:rPr lang="da-DK" sz="2400" dirty="0"/>
              <a:t>2013 – Beslutning: Alle uddannelser udbydes også som e-læring. </a:t>
            </a:r>
          </a:p>
          <a:p>
            <a:pPr>
              <a:spcAft>
                <a:spcPts val="1200"/>
              </a:spcAft>
            </a:pPr>
            <a:r>
              <a:rPr lang="da-DK" sz="2400" dirty="0"/>
              <a:t>2014-15 – Kvalitetspolitik for e-læringsudbud udvikles.</a:t>
            </a:r>
          </a:p>
          <a:p>
            <a:pPr>
              <a:spcAft>
                <a:spcPts val="1200"/>
              </a:spcAft>
            </a:pPr>
            <a:r>
              <a:rPr lang="da-DK" sz="2400" dirty="0"/>
              <a:t>2016 – Analyse af e-læringsuddannelsernes forsyning af arbejdsmarkedet i regionen. Beslutning:  En række e-læringsudbud sættes på ”pause”. </a:t>
            </a:r>
          </a:p>
          <a:p>
            <a:pPr>
              <a:spcAft>
                <a:spcPts val="1200"/>
              </a:spcAft>
            </a:pPr>
            <a:r>
              <a:rPr lang="da-DK" sz="2400" dirty="0"/>
              <a:t>2017-18 – Absalon E-projektet sættes i gang, som handler om styrkelse af e-læringsuddannelserne.</a:t>
            </a:r>
          </a:p>
          <a:p>
            <a:endParaRPr lang="da-DK" sz="2400" dirty="0"/>
          </a:p>
          <a:p>
            <a:endParaRPr lang="da-DK" sz="2400" dirty="0"/>
          </a:p>
          <a:p>
            <a:endParaRPr lang="da-DK" sz="2400" dirty="0"/>
          </a:p>
          <a:p>
            <a:endParaRPr lang="da-DK" sz="2400" dirty="0"/>
          </a:p>
          <a:p>
            <a:endParaRPr lang="da-DK" sz="2400" dirty="0"/>
          </a:p>
          <a:p>
            <a:endParaRPr lang="da-DK" sz="2400" dirty="0"/>
          </a:p>
          <a:p>
            <a:endParaRPr lang="da-DK" sz="24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E496D41-C8F3-C844-BA31-1510F928EB04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63A0B9C-5DCE-3945-9829-472C257AE944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39E41BC-33B6-EC4C-A292-F0AC5F3EF800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4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D571B9D1-FC88-0F40-8F31-D9E0CC4FCC80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6402450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414C381-B5D3-D545-A425-4F1461A1B9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De første erfaringe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FA443FF-AA9D-C640-8B96-6DB7E7CE6D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559496" y="1724806"/>
            <a:ext cx="9305304" cy="4112944"/>
          </a:xfrm>
        </p:spPr>
        <p:txBody>
          <a:bodyPr/>
          <a:lstStyle/>
          <a:p>
            <a:r>
              <a:rPr lang="da-DK" sz="2000" dirty="0"/>
              <a:t>Fælles ramme for alle e-læringsudbud: Der skal være tale om blended </a:t>
            </a:r>
            <a:r>
              <a:rPr lang="da-DK" sz="2000" dirty="0" err="1"/>
              <a:t>learning</a:t>
            </a:r>
            <a:r>
              <a:rPr lang="da-DK" sz="2000" dirty="0"/>
              <a:t> med indkald. Derudover begrænset fælles koordinering på Absalon-niveau. </a:t>
            </a:r>
          </a:p>
          <a:p>
            <a:endParaRPr lang="da-DK" sz="2000" dirty="0"/>
          </a:p>
          <a:p>
            <a:r>
              <a:rPr lang="da-DK" sz="2000" dirty="0"/>
              <a:t>Studietilfredshed og karakterer er tilfredsstillende, men frafaldet er meget højt. </a:t>
            </a:r>
          </a:p>
          <a:p>
            <a:endParaRPr lang="da-DK" sz="2000" dirty="0"/>
          </a:p>
          <a:p>
            <a:r>
              <a:rPr lang="da-DK" sz="2000" dirty="0"/>
              <a:t>Særlige udfordringer på nogle uddannelser fx uddannelsen til fysioterapeut: De studerende søger ind på e-læring (lavere optagelseskrav) og søger overflytning. </a:t>
            </a:r>
          </a:p>
          <a:p>
            <a:endParaRPr lang="da-DK" sz="2000" dirty="0"/>
          </a:p>
          <a:p>
            <a:r>
              <a:rPr lang="da-DK" sz="2000" dirty="0"/>
              <a:t>Ressourcekrævende at udvikle kvalitet i e-læring – lav rentabilitet i små hold. </a:t>
            </a:r>
          </a:p>
          <a:p>
            <a:endParaRPr lang="da-DK" sz="2000" dirty="0"/>
          </a:p>
          <a:p>
            <a:r>
              <a:rPr lang="da-DK" sz="2000" dirty="0"/>
              <a:t>De studerende værdsætter studietilbuddet højt men er på flere områder kritiske i forhold til tilrettelæggelsen og gennemførelsen af undervisningen. </a:t>
            </a:r>
          </a:p>
          <a:p>
            <a:endParaRPr lang="da-DK" sz="20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058DA32-557C-3D4C-86AD-C679EF515282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C38292E-414A-7C45-8906-6E2633FACC18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B0087C4-0A3B-3E45-9FD0-4EF778CEA12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5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04A13013-F09E-014B-9391-4B158CA27107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386760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35B2E1A-4826-BD44-811A-C25A1EB8F3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0051" y="254409"/>
            <a:ext cx="8560800" cy="934890"/>
          </a:xfrm>
        </p:spPr>
        <p:txBody>
          <a:bodyPr/>
          <a:lstStyle/>
          <a:p>
            <a:r>
              <a:rPr lang="da-DK" sz="2800" dirty="0">
                <a:solidFill>
                  <a:srgbClr val="C00000"/>
                </a:solidFill>
              </a:rPr>
              <a:t>Eksempler på udfordringer - studerende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0B2A5CB-C5B9-E34F-A2A5-06CA18F26872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3E79D8F-27F5-0640-843F-43FB0163326C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06895D2-2690-9F4B-852D-3731079A878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6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0D9FCD49-8577-0F4B-B798-FDF1ABC67A6F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2ECC961F-3978-9148-8626-9856E15A864C}"/>
              </a:ext>
            </a:extLst>
          </p:cNvPr>
          <p:cNvSpPr/>
          <p:nvPr/>
        </p:nvSpPr>
        <p:spPr>
          <a:xfrm>
            <a:off x="2750840" y="4810382"/>
            <a:ext cx="1625830" cy="1426930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dirty="0"/>
              <a:t>Lavt </a:t>
            </a:r>
            <a:r>
              <a:rPr lang="da-DK" sz="1400" noProof="0" dirty="0"/>
              <a:t>fremmøde ved indkald og lav </a:t>
            </a:r>
            <a:r>
              <a:rPr lang="da-DK" sz="1400" dirty="0"/>
              <a:t>deltagelse i undervisningen</a:t>
            </a:r>
            <a:endParaRPr lang="da-DK" sz="1400" noProof="0" dirty="0"/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AEA25D62-862E-954F-A041-EB231DFA59E5}"/>
              </a:ext>
            </a:extLst>
          </p:cNvPr>
          <p:cNvSpPr/>
          <p:nvPr/>
        </p:nvSpPr>
        <p:spPr>
          <a:xfrm>
            <a:off x="4906648" y="1466901"/>
            <a:ext cx="1625831" cy="1414086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noProof="0" dirty="0"/>
              <a:t>Manglende forventnings-afstemning 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7B6A5F4B-C653-3C4B-A481-16B5D59F08DA}"/>
              </a:ext>
            </a:extLst>
          </p:cNvPr>
          <p:cNvSpPr/>
          <p:nvPr/>
        </p:nvSpPr>
        <p:spPr>
          <a:xfrm>
            <a:off x="2744456" y="1466901"/>
            <a:ext cx="1632214" cy="1414086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dirty="0"/>
              <a:t>Stor forskel på de studerendes studieegnethed</a:t>
            </a:r>
            <a:endParaRPr lang="da-DK" sz="1400" noProof="0" dirty="0"/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CBCD572-C79A-F14D-B70C-BD90660F281A}"/>
              </a:ext>
            </a:extLst>
          </p:cNvPr>
          <p:cNvSpPr/>
          <p:nvPr/>
        </p:nvSpPr>
        <p:spPr>
          <a:xfrm>
            <a:off x="7062457" y="4810382"/>
            <a:ext cx="1538862" cy="1384481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noProof="0" dirty="0"/>
              <a:t>Det opleves svært i forhold til gruppe-dannelse og gruppearbejde</a:t>
            </a:r>
          </a:p>
        </p:txBody>
      </p:sp>
      <p:cxnSp>
        <p:nvCxnSpPr>
          <p:cNvPr id="12" name="Lige pilforbindelse 11">
            <a:extLst>
              <a:ext uri="{FF2B5EF4-FFF2-40B4-BE49-F238E27FC236}">
                <a16:creationId xmlns:a16="http://schemas.microsoft.com/office/drawing/2014/main" id="{6E83AD14-18C8-6942-817A-ADF9AEA13486}"/>
              </a:ext>
            </a:extLst>
          </p:cNvPr>
          <p:cNvCxnSpPr/>
          <p:nvPr/>
        </p:nvCxnSpPr>
        <p:spPr>
          <a:xfrm>
            <a:off x="5364900" y="2824565"/>
            <a:ext cx="797679" cy="676443"/>
          </a:xfrm>
          <a:prstGeom prst="straightConnector1">
            <a:avLst/>
          </a:prstGeom>
          <a:ln w="381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Lige pilforbindelse 12">
            <a:extLst>
              <a:ext uri="{FF2B5EF4-FFF2-40B4-BE49-F238E27FC236}">
                <a16:creationId xmlns:a16="http://schemas.microsoft.com/office/drawing/2014/main" id="{52D3A16A-CDE1-4C4F-B4A6-A298C7FA3702}"/>
              </a:ext>
            </a:extLst>
          </p:cNvPr>
          <p:cNvCxnSpPr/>
          <p:nvPr/>
        </p:nvCxnSpPr>
        <p:spPr>
          <a:xfrm>
            <a:off x="7556231" y="2870128"/>
            <a:ext cx="739800" cy="650790"/>
          </a:xfrm>
          <a:prstGeom prst="straightConnector1">
            <a:avLst/>
          </a:prstGeom>
          <a:ln w="381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Lige pilforbindelse 13">
            <a:extLst>
              <a:ext uri="{FF2B5EF4-FFF2-40B4-BE49-F238E27FC236}">
                <a16:creationId xmlns:a16="http://schemas.microsoft.com/office/drawing/2014/main" id="{4104A7CB-2207-8B47-92AC-2F3647D4EDFA}"/>
              </a:ext>
            </a:extLst>
          </p:cNvPr>
          <p:cNvCxnSpPr>
            <a:cxnSpLocks/>
          </p:cNvCxnSpPr>
          <p:nvPr/>
        </p:nvCxnSpPr>
        <p:spPr>
          <a:xfrm flipV="1">
            <a:off x="3523487" y="4291309"/>
            <a:ext cx="804136" cy="577851"/>
          </a:xfrm>
          <a:prstGeom prst="straightConnector1">
            <a:avLst/>
          </a:prstGeom>
          <a:ln w="381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ktangel 14">
            <a:extLst>
              <a:ext uri="{FF2B5EF4-FFF2-40B4-BE49-F238E27FC236}">
                <a16:creationId xmlns:a16="http://schemas.microsoft.com/office/drawing/2014/main" id="{C00D6324-CF94-7A42-A7DA-52D847D17461}"/>
              </a:ext>
            </a:extLst>
          </p:cNvPr>
          <p:cNvSpPr/>
          <p:nvPr/>
        </p:nvSpPr>
        <p:spPr>
          <a:xfrm>
            <a:off x="4906648" y="4810382"/>
            <a:ext cx="1625831" cy="1414087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noProof="0" dirty="0"/>
              <a:t>Oplevelse af at være  sekundær i forhold til ordinær studerende</a:t>
            </a: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CC8E1286-4403-6544-8F10-729A9FE680BD}"/>
              </a:ext>
            </a:extLst>
          </p:cNvPr>
          <p:cNvSpPr/>
          <p:nvPr/>
        </p:nvSpPr>
        <p:spPr>
          <a:xfrm>
            <a:off x="7062457" y="1470905"/>
            <a:ext cx="1625831" cy="1409153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noProof="0" dirty="0"/>
              <a:t>Manglende it-kompetencer blandt studerende</a:t>
            </a:r>
          </a:p>
        </p:txBody>
      </p:sp>
      <p:cxnSp>
        <p:nvCxnSpPr>
          <p:cNvPr id="19" name="Lige pilforbindelse 18">
            <a:extLst>
              <a:ext uri="{FF2B5EF4-FFF2-40B4-BE49-F238E27FC236}">
                <a16:creationId xmlns:a16="http://schemas.microsoft.com/office/drawing/2014/main" id="{54BF2FBB-B1F7-4241-A1B8-B2F33F5B96FF}"/>
              </a:ext>
            </a:extLst>
          </p:cNvPr>
          <p:cNvCxnSpPr/>
          <p:nvPr/>
        </p:nvCxnSpPr>
        <p:spPr>
          <a:xfrm>
            <a:off x="3545414" y="2880058"/>
            <a:ext cx="760282" cy="640860"/>
          </a:xfrm>
          <a:prstGeom prst="straightConnector1">
            <a:avLst/>
          </a:prstGeom>
          <a:ln w="381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Højrepil 19">
            <a:extLst>
              <a:ext uri="{FF2B5EF4-FFF2-40B4-BE49-F238E27FC236}">
                <a16:creationId xmlns:a16="http://schemas.microsoft.com/office/drawing/2014/main" id="{6649FD70-0029-4749-B402-40628BA3FF9A}"/>
              </a:ext>
            </a:extLst>
          </p:cNvPr>
          <p:cNvSpPr/>
          <p:nvPr/>
        </p:nvSpPr>
        <p:spPr>
          <a:xfrm>
            <a:off x="2744456" y="3267039"/>
            <a:ext cx="6591904" cy="1300115"/>
          </a:xfrm>
          <a:prstGeom prst="rightArrow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/>
              <a:t>Vi</a:t>
            </a:r>
            <a:r>
              <a:rPr lang="da-DK" sz="1600" noProof="0" dirty="0"/>
              <a:t> bliver glemt som e-læringsstuderende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25CC59A6-E9D1-CE45-8028-BEA09EB79ADD}"/>
              </a:ext>
            </a:extLst>
          </p:cNvPr>
          <p:cNvSpPr/>
          <p:nvPr/>
        </p:nvSpPr>
        <p:spPr>
          <a:xfrm>
            <a:off x="7644423" y="3689779"/>
            <a:ext cx="1296144" cy="424182"/>
          </a:xfrm>
          <a:prstGeom prst="rect">
            <a:avLst/>
          </a:prstGeom>
          <a:solidFill>
            <a:schemeClr val="accent3"/>
          </a:solidFill>
          <a:ln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noProof="0" dirty="0"/>
              <a:t>Højt frafald</a:t>
            </a:r>
          </a:p>
        </p:txBody>
      </p:sp>
      <p:cxnSp>
        <p:nvCxnSpPr>
          <p:cNvPr id="23" name="Lige pilforbindelse 22">
            <a:extLst>
              <a:ext uri="{FF2B5EF4-FFF2-40B4-BE49-F238E27FC236}">
                <a16:creationId xmlns:a16="http://schemas.microsoft.com/office/drawing/2014/main" id="{A2C5840A-2EC4-3E49-A710-2BC745BC311F}"/>
              </a:ext>
            </a:extLst>
          </p:cNvPr>
          <p:cNvCxnSpPr>
            <a:cxnSpLocks/>
          </p:cNvCxnSpPr>
          <p:nvPr/>
        </p:nvCxnSpPr>
        <p:spPr>
          <a:xfrm flipV="1">
            <a:off x="5384392" y="4319078"/>
            <a:ext cx="804136" cy="577851"/>
          </a:xfrm>
          <a:prstGeom prst="straightConnector1">
            <a:avLst/>
          </a:prstGeom>
          <a:ln w="381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Lige pilforbindelse 23">
            <a:extLst>
              <a:ext uri="{FF2B5EF4-FFF2-40B4-BE49-F238E27FC236}">
                <a16:creationId xmlns:a16="http://schemas.microsoft.com/office/drawing/2014/main" id="{9713980D-D1B5-F74C-9C31-A4875EFED9A8}"/>
              </a:ext>
            </a:extLst>
          </p:cNvPr>
          <p:cNvCxnSpPr>
            <a:cxnSpLocks/>
          </p:cNvCxnSpPr>
          <p:nvPr/>
        </p:nvCxnSpPr>
        <p:spPr>
          <a:xfrm flipV="1">
            <a:off x="7488359" y="4363317"/>
            <a:ext cx="804136" cy="577851"/>
          </a:xfrm>
          <a:prstGeom prst="straightConnector1">
            <a:avLst/>
          </a:prstGeom>
          <a:ln w="381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5646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9C692EC-EBA4-BB42-9B82-AE1EAF2053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7400" y="165648"/>
            <a:ext cx="8560800" cy="934890"/>
          </a:xfrm>
        </p:spPr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Styrken ved e-læring ifølge Absalons ledere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6D59BA-14F8-A64A-B205-C17B21BDD004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6EA4CB5-B8B0-5C41-B2D1-8633F695AEEA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D9839C0-8AC6-FE4F-92A6-1212CCA2A63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7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DADE8EFE-94B3-EE4E-B88C-43392F5C7DD0}"/>
              </a:ext>
            </a:extLst>
          </p:cNvPr>
          <p:cNvSpPr>
            <a:spLocks noGrp="1"/>
          </p:cNvSpPr>
          <p:nvPr>
            <p:ph type="body" idx="2"/>
          </p:nvPr>
        </p:nvSpPr>
        <p:spPr/>
        <p:txBody>
          <a:bodyPr/>
          <a:lstStyle/>
          <a:p>
            <a:endParaRPr lang="da-DK"/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D38DBAD3-C422-534E-BD1F-E3968A7FFB6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204332561"/>
              </p:ext>
            </p:extLst>
          </p:nvPr>
        </p:nvGraphicFramePr>
        <p:xfrm>
          <a:off x="2351584" y="881472"/>
          <a:ext cx="7047762" cy="523901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Pladsholder til indhold 5">
            <a:extLst>
              <a:ext uri="{FF2B5EF4-FFF2-40B4-BE49-F238E27FC236}">
                <a16:creationId xmlns:a16="http://schemas.microsoft.com/office/drawing/2014/main" id="{54A961E0-4E99-6341-B0E5-1489F4C41425}"/>
              </a:ext>
            </a:extLst>
          </p:cNvPr>
          <p:cNvSpPr txBox="1">
            <a:spLocks/>
          </p:cNvSpPr>
          <p:nvPr/>
        </p:nvSpPr>
        <p:spPr>
          <a:xfrm>
            <a:off x="9931259" y="4581128"/>
            <a:ext cx="1803896" cy="1338524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91425" tIns="91425" rIns="91425" bIns="91425" rtlCol="0" anchor="t" anchorCtr="0">
            <a:noAutofit/>
          </a:bodyPr>
          <a:lstStyle>
            <a:lvl1pPr marL="457200" marR="0" lvl="0" indent="-331470" algn="l" defTabSz="914400" rtl="0" eaLnBrk="1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L="914400" marR="0" lvl="1" indent="-331469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L="1371600" marR="0" lvl="2" indent="-331469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L="1828800" marR="0" lvl="3" indent="-331469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L="2286000" marR="0" lvl="4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L="2743200" marR="0" lvl="5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L="3200400" marR="0" lvl="6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 baseline="0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L="3657600" marR="0" lvl="7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L="4114800" marR="0" lvl="8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 baseline="0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pPr marL="125730" indent="0">
              <a:buNone/>
            </a:pPr>
            <a:r>
              <a:rPr lang="da-DK" sz="1600" i="1" dirty="0"/>
              <a:t>Kilde: Delphi-evaluering med 12 Absalon ledere, efteråret 2013</a:t>
            </a:r>
          </a:p>
        </p:txBody>
      </p:sp>
    </p:spTree>
    <p:extLst>
      <p:ext uri="{BB962C8B-B14F-4D97-AF65-F5344CB8AC3E}">
        <p14:creationId xmlns:p14="http://schemas.microsoft.com/office/powerpoint/2010/main" val="102347022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9C692EC-EBA4-BB42-9B82-AE1EAF2053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7400" y="165648"/>
            <a:ext cx="9257032" cy="934890"/>
          </a:xfrm>
        </p:spPr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Svagheden ved e-læring ifølge Absalons ledere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6D59BA-14F8-A64A-B205-C17B21BDD004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6EA4CB5-B8B0-5C41-B2D1-8633F695AEEA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D9839C0-8AC6-FE4F-92A6-1212CCA2A63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8</a:t>
            </a:fld>
            <a:endParaRPr lang="da-DK"/>
          </a:p>
        </p:txBody>
      </p:sp>
      <p:sp>
        <p:nvSpPr>
          <p:cNvPr id="9" name="Pladsholder til indhold 5">
            <a:extLst>
              <a:ext uri="{FF2B5EF4-FFF2-40B4-BE49-F238E27FC236}">
                <a16:creationId xmlns:a16="http://schemas.microsoft.com/office/drawing/2014/main" id="{2B306C43-C804-2C41-8F1C-09B397CC7F51}"/>
              </a:ext>
            </a:extLst>
          </p:cNvPr>
          <p:cNvSpPr txBox="1">
            <a:spLocks/>
          </p:cNvSpPr>
          <p:nvPr/>
        </p:nvSpPr>
        <p:spPr>
          <a:xfrm>
            <a:off x="9931259" y="4581128"/>
            <a:ext cx="1803896" cy="1338524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91425" tIns="91425" rIns="91425" bIns="91425" rtlCol="0" anchor="t" anchorCtr="0">
            <a:noAutofit/>
          </a:bodyPr>
          <a:lstStyle>
            <a:lvl1pPr marL="457200" marR="0" lvl="0" indent="-331470" algn="l" defTabSz="914400" rtl="0" eaLnBrk="1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1pPr>
            <a:lvl2pPr marL="914400" marR="0" lvl="1" indent="-331469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2pPr>
            <a:lvl3pPr marL="1371600" marR="0" lvl="2" indent="-331469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3pPr>
            <a:lvl4pPr marL="1828800" marR="0" lvl="3" indent="-331469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4pPr>
            <a:lvl5pPr marL="2286000" marR="0" lvl="4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5pPr>
            <a:lvl6pPr marL="2743200" marR="0" lvl="5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6pPr>
            <a:lvl7pPr marL="3200400" marR="0" lvl="6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 baseline="0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7pPr>
            <a:lvl8pPr marL="3657600" marR="0" lvl="7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8pPr>
            <a:lvl9pPr marL="4114800" marR="0" lvl="8" indent="-331470" algn="l" defTabSz="914400" rtl="0" eaLnBrk="1" latinLnBrk="0" hangingPunct="1">
              <a:lnSpc>
                <a:spcPct val="101000"/>
              </a:lnSpc>
              <a:spcBef>
                <a:spcPts val="1400"/>
              </a:spcBef>
              <a:spcAft>
                <a:spcPts val="1400"/>
              </a:spcAft>
              <a:buClr>
                <a:schemeClr val="dk1"/>
              </a:buClr>
              <a:buSzPts val="1620"/>
              <a:buFont typeface="Noto Sans Symbols"/>
              <a:buChar char="◼"/>
              <a:defRPr sz="1800" b="0" i="0" u="none" strike="noStrike" kern="1200" cap="none" baseline="0">
                <a:solidFill>
                  <a:schemeClr val="dk1"/>
                </a:solidFill>
                <a:latin typeface="Corbel"/>
                <a:ea typeface="Corbel"/>
                <a:cs typeface="Corbel"/>
                <a:sym typeface="Corbel"/>
              </a:defRPr>
            </a:lvl9pPr>
          </a:lstStyle>
          <a:p>
            <a:pPr marL="125730" indent="0">
              <a:buNone/>
            </a:pPr>
            <a:r>
              <a:rPr lang="da-DK" sz="1600" i="1" dirty="0"/>
              <a:t>Kilde: Delphi-evaluering med 12 Absalon ledere, efteråret 2013</a:t>
            </a:r>
          </a:p>
        </p:txBody>
      </p:sp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1F2F3CE1-0399-0744-A3DE-D11B66CCDF6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976826364"/>
              </p:ext>
            </p:extLst>
          </p:nvPr>
        </p:nvGraphicFramePr>
        <p:xfrm>
          <a:off x="1991544" y="1100538"/>
          <a:ext cx="7409433" cy="518457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582115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56D9B6F-9C02-3E41-81B0-B88919A1847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6000" y="188640"/>
            <a:ext cx="9876504" cy="934890"/>
          </a:xfrm>
        </p:spPr>
        <p:txBody>
          <a:bodyPr/>
          <a:lstStyle/>
          <a:p>
            <a:r>
              <a:rPr lang="da-DK" dirty="0">
                <a:solidFill>
                  <a:srgbClr val="C00000"/>
                </a:solidFill>
              </a:rPr>
              <a:t>Kvalitetspolitikken for e-læring formuleres i 2014-15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55C5D6A-C40D-844B-B28E-2F7C33BB2840}"/>
              </a:ext>
            </a:extLst>
          </p:cNvPr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71253B8-5208-614E-8A57-3272CAC85E23}"/>
              </a:ext>
            </a:extLst>
          </p:cNvPr>
          <p:cNvSpPr>
            <a:spLocks noGrp="1"/>
          </p:cNvSpPr>
          <p:nvPr>
            <p:ph type="ft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310FB23-2595-BA46-AEBF-15BD5AA1F385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da-DK" smtClean="0"/>
              <a:t>9</a:t>
            </a:fld>
            <a:endParaRPr lang="da-DK"/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2F033757-C938-E543-916E-1D713167533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23742530"/>
              </p:ext>
            </p:extLst>
          </p:nvPr>
        </p:nvGraphicFramePr>
        <p:xfrm>
          <a:off x="1825625" y="1651083"/>
          <a:ext cx="8540750" cy="480694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9098737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03687999830287"/>
</p:tagLst>
</file>

<file path=ppt/theme/theme1.xml><?xml version="1.0" encoding="utf-8"?>
<a:theme xmlns:a="http://schemas.openxmlformats.org/drawingml/2006/main" name="Professionshøjskolen Absalon">
  <a:themeElements>
    <a:clrScheme name="PHA">
      <a:dk1>
        <a:sysClr val="windowText" lastClr="000000"/>
      </a:dk1>
      <a:lt1>
        <a:sysClr val="window" lastClr="FFFFFF"/>
      </a:lt1>
      <a:dk2>
        <a:srgbClr val="404646"/>
      </a:dk2>
      <a:lt2>
        <a:srgbClr val="FFFFFF"/>
      </a:lt2>
      <a:accent1>
        <a:srgbClr val="D03635"/>
      </a:accent1>
      <a:accent2>
        <a:srgbClr val="383889"/>
      </a:accent2>
      <a:accent3>
        <a:srgbClr val="8ACBC1"/>
      </a:accent3>
      <a:accent4>
        <a:srgbClr val="863281"/>
      </a:accent4>
      <a:accent5>
        <a:srgbClr val="FFD85C"/>
      </a:accent5>
      <a:accent6>
        <a:srgbClr val="5BC5F2"/>
      </a:accent6>
      <a:hlink>
        <a:srgbClr val="D03635"/>
      </a:hlink>
      <a:folHlink>
        <a:srgbClr val="9C9C9C"/>
      </a:folHlink>
    </a:clrScheme>
    <a:fontScheme name="PHA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eTemplate 16-9.potx" id="{2268602D-C640-4585-9043-06880A9F63F9}" vid="{223A70CD-4269-4FCB-A11B-9D1424B87D07}"/>
    </a:ext>
  </a:extLst>
</a:theme>
</file>

<file path=ppt/theme/theme2.xml><?xml version="1.0" encoding="utf-8"?>
<a:theme xmlns:a="http://schemas.openxmlformats.org/drawingml/2006/main" name="Office-tema">
  <a:themeElements>
    <a:clrScheme name="PHA">
      <a:dk1>
        <a:sysClr val="windowText" lastClr="000000"/>
      </a:dk1>
      <a:lt1>
        <a:sysClr val="window" lastClr="FFFFFF"/>
      </a:lt1>
      <a:dk2>
        <a:srgbClr val="404646"/>
      </a:dk2>
      <a:lt2>
        <a:srgbClr val="FFFFFF"/>
      </a:lt2>
      <a:accent1>
        <a:srgbClr val="D03635"/>
      </a:accent1>
      <a:accent2>
        <a:srgbClr val="383889"/>
      </a:accent2>
      <a:accent3>
        <a:srgbClr val="8ACBC1"/>
      </a:accent3>
      <a:accent4>
        <a:srgbClr val="863281"/>
      </a:accent4>
      <a:accent5>
        <a:srgbClr val="FFD85C"/>
      </a:accent5>
      <a:accent6>
        <a:srgbClr val="09A7F2"/>
      </a:accent6>
      <a:hlink>
        <a:srgbClr val="D03635"/>
      </a:hlink>
      <a:folHlink>
        <a:srgbClr val="9C9C9C"/>
      </a:folHlink>
    </a:clrScheme>
    <a:fontScheme name="PHA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</Template>
  <TotalTime>0</TotalTime>
  <Words>633</Words>
  <Application>Microsoft Macintosh PowerPoint</Application>
  <PresentationFormat>Widescreen</PresentationFormat>
  <Paragraphs>133</Paragraphs>
  <Slides>14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19" baseType="lpstr">
      <vt:lpstr>Arial</vt:lpstr>
      <vt:lpstr>Corbel</vt:lpstr>
      <vt:lpstr>Noto Sans Symbols</vt:lpstr>
      <vt:lpstr>Wingdings 2</vt:lpstr>
      <vt:lpstr>Professionshøjskolen Absalon</vt:lpstr>
      <vt:lpstr>Hvordan skaber vi rammen for kvalitet? </vt:lpstr>
      <vt:lpstr>Hurtige facts om Absalon</vt:lpstr>
      <vt:lpstr>8.459 studerende hos Absalon i 2018</vt:lpstr>
      <vt:lpstr>Faser i udviklingen af e-læringsudbud i Absalon</vt:lpstr>
      <vt:lpstr>De første erfaringer</vt:lpstr>
      <vt:lpstr>Eksempler på udfordringer - studerende</vt:lpstr>
      <vt:lpstr>Styrken ved e-læring ifølge Absalons ledere</vt:lpstr>
      <vt:lpstr>Svagheden ved e-læring ifølge Absalons ledere</vt:lpstr>
      <vt:lpstr>Kvalitetspolitikken for e-læring formuleres i 2014-15 </vt:lpstr>
      <vt:lpstr>Udviklingen i gennemførelse og fastholdelse</vt:lpstr>
      <vt:lpstr>Beslutning i 2016 om at sætte en række e-læringsbud på ”pause”</vt:lpstr>
      <vt:lpstr>Absalon E projekt-perspektiv </vt:lpstr>
      <vt:lpstr>E-læring – driverdiagram under udvikling i 2018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6-12T07:31:15Z</dcterms:created>
  <dcterms:modified xsi:type="dcterms:W3CDTF">2018-12-11T08:11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ustomerId">
    <vt:lpwstr>pha</vt:lpwstr>
  </property>
  <property fmtid="{D5CDD505-2E9C-101B-9397-08002B2CF9AE}" pid="4" name="TemplateId">
    <vt:lpwstr>636331031522926081</vt:lpwstr>
  </property>
  <property fmtid="{D5CDD505-2E9C-101B-9397-08002B2CF9AE}" pid="5" name="UserProfileId">
    <vt:lpwstr>636370997932895444</vt:lpwstr>
  </property>
</Properties>
</file>